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5000" w:type="pct"/>
        <w:tblLayout w:type="fixed"/>
        <w:tblCellMar>
          <w:left w:w="0" w:type="dxa"/>
          <w:right w:w="113" w:type="dxa"/>
        </w:tblCellMar>
        <w:tblLook w:val="04A0" w:firstRow="1" w:lastRow="0" w:firstColumn="1" w:lastColumn="0" w:noHBand="0" w:noVBand="1"/>
      </w:tblPr>
      <w:tblGrid>
        <w:gridCol w:w="6532"/>
        <w:gridCol w:w="3440"/>
      </w:tblGrid>
      <w:tr w:rsidR="00896A40" w:rsidRPr="001B4AE5" w14:paraId="77CC563A" w14:textId="77777777" w:rsidTr="005E7969">
        <w:tc>
          <w:tcPr>
            <w:tcW w:w="6532" w:type="dxa"/>
          </w:tcPr>
          <w:bookmarkStart w:id="0" w:name="bmkCorrespondenceHeaderBlock"/>
          <w:p w14:paraId="23ACFB21" w14:textId="77777777" w:rsidR="00826254" w:rsidRPr="001B4AE5" w:rsidRDefault="00D91EA2" w:rsidP="00826254">
            <w:pPr>
              <w:pStyle w:val="AONormalBold"/>
              <w:spacing w:line="240" w:lineRule="auto"/>
              <w:rPr>
                <w:sz w:val="28"/>
                <w:szCs w:val="28"/>
              </w:rPr>
            </w:pPr>
            <w:sdt>
              <w:sdtPr>
                <w:rPr>
                  <w:sz w:val="28"/>
                  <w:szCs w:val="28"/>
                </w:rPr>
                <w:alias w:val="ccSpecialInstruction"/>
                <w:tag w:val="{&quot;templafy&quot;:{&quot;id&quot;:&quot;21d6514e-56df-4d60-bb40-c261a830b741&quot;}}"/>
                <w:id w:val="2011643054"/>
                <w:placeholder>
                  <w:docPart w:val="006B29FD99D842839FBF888BF86C8525"/>
                </w:placeholder>
              </w:sdtPr>
              <w:sdtEndPr/>
              <w:sdtContent>
                <w:r w:rsidR="004F4156" w:rsidRPr="001B4AE5">
                  <w:rPr>
                    <w:sz w:val="28"/>
                    <w:szCs w:val="28"/>
                  </w:rPr>
                  <w:t>BY MAIL</w:t>
                </w:r>
              </w:sdtContent>
            </w:sdt>
          </w:p>
          <w:p w14:paraId="3E2AF6B5" w14:textId="77777777" w:rsidR="00826254" w:rsidRPr="001B4AE5" w:rsidRDefault="00826254" w:rsidP="00826254">
            <w:pPr>
              <w:pStyle w:val="AONormalBold"/>
              <w:spacing w:line="240" w:lineRule="auto"/>
              <w:rPr>
                <w:sz w:val="28"/>
                <w:szCs w:val="28"/>
              </w:rPr>
            </w:pPr>
          </w:p>
          <w:sdt>
            <w:sdtPr>
              <w:rPr>
                <w:sz w:val="28"/>
                <w:szCs w:val="28"/>
              </w:rPr>
              <w:alias w:val="ccTo"/>
              <w:tag w:val="{&quot;templafy&quot;:{&quot;id&quot;:&quot;ae12efe5-fa57-4ae6-a2b4-a74a71036d69&quot;}}"/>
              <w:id w:val="1085422167"/>
              <w:placeholder>
                <w:docPart w:val="7ED8357C03E2402D8091C97F60DC1BBA"/>
              </w:placeholder>
            </w:sdtPr>
            <w:sdtEndPr/>
            <w:sdtContent>
              <w:p w14:paraId="11474FCE" w14:textId="77777777" w:rsidR="002B6614" w:rsidRPr="001B4AE5" w:rsidRDefault="005D6A8B">
                <w:pPr>
                  <w:pStyle w:val="AONormal"/>
                  <w:rPr>
                    <w:sz w:val="28"/>
                    <w:szCs w:val="28"/>
                  </w:rPr>
                </w:pPr>
                <w:r w:rsidRPr="001B4AE5">
                  <w:rPr>
                    <w:sz w:val="28"/>
                    <w:szCs w:val="28"/>
                  </w:rPr>
                  <w:t>HON. ROBERT MAYBERGER</w:t>
                </w:r>
              </w:p>
              <w:p w14:paraId="77CD4156" w14:textId="77777777" w:rsidR="002B6614" w:rsidRPr="001B4AE5" w:rsidRDefault="005D6A8B">
                <w:pPr>
                  <w:pStyle w:val="AONormal"/>
                  <w:rPr>
                    <w:sz w:val="28"/>
                    <w:szCs w:val="28"/>
                  </w:rPr>
                </w:pPr>
                <w:r w:rsidRPr="001B4AE5">
                  <w:rPr>
                    <w:sz w:val="28"/>
                    <w:szCs w:val="28"/>
                  </w:rPr>
                  <w:t>Clerk of the Court</w:t>
                </w:r>
              </w:p>
              <w:p w14:paraId="18508697" w14:textId="77777777" w:rsidR="002B6614" w:rsidRPr="001B4AE5" w:rsidRDefault="005D6A8B">
                <w:pPr>
                  <w:pStyle w:val="AONormal"/>
                  <w:rPr>
                    <w:sz w:val="28"/>
                    <w:szCs w:val="28"/>
                  </w:rPr>
                </w:pPr>
                <w:r w:rsidRPr="001B4AE5">
                  <w:rPr>
                    <w:sz w:val="28"/>
                    <w:szCs w:val="28"/>
                  </w:rPr>
                  <w:t xml:space="preserve">Appellate Division, Third Department </w:t>
                </w:r>
              </w:p>
              <w:p w14:paraId="64481C8E" w14:textId="77777777" w:rsidR="002B6614" w:rsidRPr="001B4AE5" w:rsidRDefault="005D6A8B">
                <w:pPr>
                  <w:pStyle w:val="AONormal"/>
                  <w:rPr>
                    <w:sz w:val="28"/>
                    <w:szCs w:val="28"/>
                  </w:rPr>
                </w:pPr>
                <w:r w:rsidRPr="001B4AE5">
                  <w:rPr>
                    <w:sz w:val="28"/>
                    <w:szCs w:val="28"/>
                  </w:rPr>
                  <w:t>P.O. Box 7288, Capitol Station</w:t>
                </w:r>
              </w:p>
              <w:p w14:paraId="3D7C5B4A" w14:textId="77777777" w:rsidR="002B6614" w:rsidRPr="001B4AE5" w:rsidRDefault="005D6A8B">
                <w:pPr>
                  <w:pStyle w:val="AONormal"/>
                  <w:rPr>
                    <w:sz w:val="28"/>
                    <w:szCs w:val="28"/>
                  </w:rPr>
                </w:pPr>
                <w:r w:rsidRPr="001B4AE5">
                  <w:rPr>
                    <w:sz w:val="28"/>
                    <w:szCs w:val="28"/>
                  </w:rPr>
                  <w:t>Albany, New York 12224-0288</w:t>
                </w:r>
              </w:p>
            </w:sdtContent>
          </w:sdt>
        </w:tc>
        <w:tc>
          <w:tcPr>
            <w:tcW w:w="3440" w:type="dxa"/>
          </w:tcPr>
          <w:p w14:paraId="66C6E858" w14:textId="77777777" w:rsidR="002B6614" w:rsidRPr="001B4AE5" w:rsidRDefault="005D6A8B">
            <w:pPr>
              <w:pStyle w:val="AONormal8L"/>
              <w:rPr>
                <w:sz w:val="28"/>
                <w:szCs w:val="28"/>
              </w:rPr>
            </w:pPr>
            <w:r>
              <w:rPr>
                <w:sz w:val="28"/>
                <w:szCs w:val="28"/>
              </w:rPr>
              <w:t>ORGANIZATION LETTERHEAD</w:t>
            </w:r>
          </w:p>
        </w:tc>
      </w:tr>
    </w:tbl>
    <w:p w14:paraId="7514DC3D" w14:textId="77777777" w:rsidR="00744F4E" w:rsidRPr="001B4AE5" w:rsidRDefault="00744F4E">
      <w:pPr>
        <w:pStyle w:val="AONormalBold"/>
        <w:rPr>
          <w:sz w:val="28"/>
          <w:szCs w:val="28"/>
        </w:rPr>
      </w:pPr>
    </w:p>
    <w:sdt>
      <w:sdtPr>
        <w:rPr>
          <w:sz w:val="28"/>
          <w:szCs w:val="28"/>
        </w:rPr>
        <w:alias w:val="ccSubject"/>
        <w:tag w:val="{&quot;templafy&quot;:{&quot;id&quot;:&quot;22c11786-10e6-497f-a04d-da7c3a0bca36&quot;}}"/>
        <w:id w:val="2081174333"/>
        <w:placeholder>
          <w:docPart w:val="4D7006666E9C4FA0B7D3FE999FE11D6A"/>
        </w:placeholder>
      </w:sdtPr>
      <w:sdtEndPr/>
      <w:sdtContent>
        <w:p w14:paraId="3C520307" w14:textId="77777777" w:rsidR="002B6614" w:rsidRPr="001B4AE5" w:rsidRDefault="00744F4E">
          <w:pPr>
            <w:pStyle w:val="AONormalBold"/>
            <w:rPr>
              <w:sz w:val="28"/>
              <w:szCs w:val="28"/>
            </w:rPr>
          </w:pPr>
          <w:r w:rsidRPr="001B4AE5">
            <w:rPr>
              <w:i/>
              <w:sz w:val="28"/>
              <w:szCs w:val="28"/>
            </w:rPr>
            <w:t xml:space="preserve">Re: </w:t>
          </w:r>
          <w:r w:rsidR="005D6A8B" w:rsidRPr="005A6D07">
            <w:rPr>
              <w:i/>
              <w:sz w:val="28"/>
              <w:szCs w:val="28"/>
            </w:rPr>
            <w:t>Byung Choo Joe vs. State of New York</w:t>
          </w:r>
          <w:r w:rsidR="005D6A8B" w:rsidRPr="001B4AE5">
            <w:rPr>
              <w:sz w:val="28"/>
              <w:szCs w:val="28"/>
            </w:rPr>
            <w:t>, Appeal No. 532176</w:t>
          </w:r>
        </w:p>
      </w:sdtContent>
    </w:sdt>
    <w:p w14:paraId="314AE88E" w14:textId="7B086565" w:rsidR="00896A40" w:rsidRPr="001B4AE5" w:rsidRDefault="00D91EA2" w:rsidP="00896A40">
      <w:pPr>
        <w:pStyle w:val="AODocTxt"/>
        <w:rPr>
          <w:sz w:val="28"/>
          <w:szCs w:val="28"/>
        </w:rPr>
      </w:pPr>
      <w:sdt>
        <w:sdtPr>
          <w:rPr>
            <w:sz w:val="28"/>
            <w:szCs w:val="28"/>
          </w:rPr>
          <w:alias w:val="ccSalutation"/>
          <w:tag w:val="{&quot;templafy&quot;:{&quot;id&quot;:&quot;eebabaa4-970d-4cc2-82ee-bd0ea4b7426e&quot;}}"/>
          <w:id w:val="-52242377"/>
          <w:placeholder>
            <w:docPart w:val="1464955D885446FAA9515B203A0F1BE5"/>
          </w:placeholder>
        </w:sdtPr>
        <w:sdtEndPr/>
        <w:sdtContent>
          <w:r w:rsidR="00025256">
            <w:rPr>
              <w:sz w:val="28"/>
              <w:szCs w:val="28"/>
            </w:rPr>
            <w:t xml:space="preserve">Dear </w:t>
          </w:r>
          <w:proofErr w:type="gramStart"/>
          <w:r w:rsidR="00025256">
            <w:rPr>
              <w:sz w:val="28"/>
              <w:szCs w:val="28"/>
            </w:rPr>
            <w:t xml:space="preserve">Mr. </w:t>
          </w:r>
          <w:proofErr w:type="spellStart"/>
          <w:r w:rsidR="00025256">
            <w:rPr>
              <w:sz w:val="28"/>
              <w:szCs w:val="28"/>
            </w:rPr>
            <w:t>Mayberger</w:t>
          </w:r>
          <w:proofErr w:type="spellEnd"/>
          <w:proofErr w:type="gramEnd"/>
        </w:sdtContent>
      </w:sdt>
      <w:r w:rsidR="004127BB" w:rsidRPr="001B4AE5">
        <w:rPr>
          <w:sz w:val="28"/>
          <w:szCs w:val="28"/>
        </w:rPr>
        <w:t>:</w:t>
      </w:r>
    </w:p>
    <w:bookmarkEnd w:id="0"/>
    <w:p w14:paraId="21C84E3A" w14:textId="77777777" w:rsidR="00896A40" w:rsidRPr="001B4AE5" w:rsidRDefault="00896A40" w:rsidP="00896A40">
      <w:pPr>
        <w:pStyle w:val="AONormalBold"/>
        <w:rPr>
          <w:sz w:val="28"/>
          <w:szCs w:val="28"/>
        </w:rPr>
      </w:pPr>
    </w:p>
    <w:p w14:paraId="1C6DDB38" w14:textId="4B79E630" w:rsidR="00896A40" w:rsidRPr="001B4AE5" w:rsidRDefault="004127BB" w:rsidP="001B4AE5">
      <w:pPr>
        <w:pStyle w:val="AODocTxt"/>
        <w:ind w:firstLine="720"/>
        <w:rPr>
          <w:sz w:val="28"/>
          <w:szCs w:val="28"/>
        </w:rPr>
      </w:pPr>
      <w:bookmarkStart w:id="1" w:name="bmkStart"/>
      <w:bookmarkEnd w:id="1"/>
      <w:r w:rsidRPr="001B4AE5">
        <w:rPr>
          <w:sz w:val="28"/>
          <w:szCs w:val="28"/>
        </w:rPr>
        <w:t xml:space="preserve">I am the [role] of [organization].  [Organization] has reviewed the brief </w:t>
      </w:r>
      <w:r w:rsidR="001B4AE5" w:rsidRPr="001B4AE5">
        <w:rPr>
          <w:i/>
          <w:sz w:val="28"/>
          <w:szCs w:val="28"/>
        </w:rPr>
        <w:t>amici cur</w:t>
      </w:r>
      <w:r w:rsidRPr="001B4AE5">
        <w:rPr>
          <w:i/>
          <w:sz w:val="28"/>
          <w:szCs w:val="28"/>
        </w:rPr>
        <w:t>i</w:t>
      </w:r>
      <w:r w:rsidR="001B4AE5" w:rsidRPr="001B4AE5">
        <w:rPr>
          <w:i/>
          <w:sz w:val="28"/>
          <w:szCs w:val="28"/>
        </w:rPr>
        <w:t>a</w:t>
      </w:r>
      <w:r w:rsidRPr="001B4AE5">
        <w:rPr>
          <w:i/>
          <w:sz w:val="28"/>
          <w:szCs w:val="28"/>
        </w:rPr>
        <w:t>e</w:t>
      </w:r>
      <w:r w:rsidRPr="001B4AE5">
        <w:rPr>
          <w:sz w:val="28"/>
          <w:szCs w:val="28"/>
        </w:rPr>
        <w:t xml:space="preserve"> filed </w:t>
      </w:r>
      <w:r w:rsidR="00601C8F">
        <w:rPr>
          <w:sz w:val="28"/>
          <w:szCs w:val="28"/>
        </w:rPr>
        <w:t xml:space="preserve">on December 22, 2021, </w:t>
      </w:r>
      <w:r w:rsidRPr="001B4AE5">
        <w:rPr>
          <w:sz w:val="28"/>
          <w:szCs w:val="28"/>
        </w:rPr>
        <w:t xml:space="preserve">by the Asian American Bar Association of New York (“AABANY”) and Korean American Lawyers Association of Greater New York </w:t>
      </w:r>
      <w:r w:rsidR="001B4AE5" w:rsidRPr="001B4AE5">
        <w:rPr>
          <w:sz w:val="28"/>
          <w:szCs w:val="28"/>
        </w:rPr>
        <w:t xml:space="preserve">(“KALAGNY”) </w:t>
      </w:r>
      <w:r w:rsidRPr="001B4AE5">
        <w:rPr>
          <w:sz w:val="28"/>
          <w:szCs w:val="28"/>
        </w:rPr>
        <w:t>in the above-captioned appeal</w:t>
      </w:r>
      <w:r w:rsidR="001B4AE5">
        <w:rPr>
          <w:sz w:val="28"/>
          <w:szCs w:val="28"/>
        </w:rPr>
        <w:t>,</w:t>
      </w:r>
      <w:r w:rsidR="001B4AE5" w:rsidRPr="001B4AE5">
        <w:rPr>
          <w:sz w:val="28"/>
          <w:szCs w:val="28"/>
        </w:rPr>
        <w:t xml:space="preserve"> in support of Plaintiff-Appellant Byung Choo Joe</w:t>
      </w:r>
      <w:r w:rsidRPr="001B4AE5">
        <w:rPr>
          <w:sz w:val="28"/>
          <w:szCs w:val="28"/>
        </w:rPr>
        <w:t xml:space="preserve">.  </w:t>
      </w:r>
      <w:r w:rsidR="001B4AE5" w:rsidRPr="001B4AE5">
        <w:rPr>
          <w:sz w:val="28"/>
          <w:szCs w:val="28"/>
        </w:rPr>
        <w:t xml:space="preserve">[Organization] endorses and incorporates by reference the brief filed by </w:t>
      </w:r>
      <w:r w:rsidR="001B4AE5" w:rsidRPr="001B4AE5">
        <w:rPr>
          <w:i/>
          <w:sz w:val="28"/>
          <w:szCs w:val="28"/>
        </w:rPr>
        <w:t xml:space="preserve">Amici </w:t>
      </w:r>
      <w:r w:rsidR="001B4AE5" w:rsidRPr="001B4AE5">
        <w:rPr>
          <w:sz w:val="28"/>
          <w:szCs w:val="28"/>
        </w:rPr>
        <w:t xml:space="preserve">AABANY and KALAGNY and urges the Third Department to consider the arguments contained in their brief. </w:t>
      </w:r>
      <w:r w:rsidR="00025256">
        <w:rPr>
          <w:sz w:val="28"/>
          <w:szCs w:val="28"/>
        </w:rPr>
        <w:t xml:space="preserve">As the brief explains, judges are not immune to implicit bias and studies have shown that </w:t>
      </w:r>
      <w:r w:rsidR="00030765">
        <w:rPr>
          <w:sz w:val="28"/>
          <w:szCs w:val="28"/>
        </w:rPr>
        <w:t>implicit and explicit bias against Asian Americans exists in the judicial system. We urge the Third Department to conduct a de novo review in this matter to ensure against an unjust result tainted by implicit bias.</w:t>
      </w:r>
      <w:r w:rsidR="001B4AE5" w:rsidRPr="001B4AE5">
        <w:rPr>
          <w:sz w:val="28"/>
          <w:szCs w:val="28"/>
        </w:rPr>
        <w:t xml:space="preserve"> </w:t>
      </w:r>
    </w:p>
    <w:p w14:paraId="3D7FA625" w14:textId="77777777" w:rsidR="003965DA" w:rsidRDefault="003965DA" w:rsidP="003965DA">
      <w:pPr>
        <w:pStyle w:val="AODocTxt"/>
      </w:pPr>
    </w:p>
    <w:sectPr w:rsidR="003965DA" w:rsidSect="001C405C">
      <w:headerReference w:type="even" r:id="rId7"/>
      <w:headerReference w:type="default" r:id="rId8"/>
      <w:footerReference w:type="even" r:id="rId9"/>
      <w:footerReference w:type="default" r:id="rId10"/>
      <w:headerReference w:type="first" r:id="rId11"/>
      <w:footerReference w:type="first" r:id="rId12"/>
      <w:pgSz w:w="12240" w:h="15840" w:code="9"/>
      <w:pgMar w:top="1588" w:right="1134" w:bottom="1021" w:left="1134" w:header="851" w:footer="454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863DA1A" w14:textId="77777777" w:rsidR="00D91EA2" w:rsidRPr="00B4019A" w:rsidRDefault="00D91EA2" w:rsidP="00A96094">
      <w:r w:rsidRPr="00B4019A">
        <w:separator/>
      </w:r>
    </w:p>
  </w:endnote>
  <w:endnote w:type="continuationSeparator" w:id="0">
    <w:p w14:paraId="567F6E66" w14:textId="77777777" w:rsidR="00D91EA2" w:rsidRPr="00B4019A" w:rsidRDefault="00D91EA2" w:rsidP="00A96094">
      <w:r w:rsidRPr="00B4019A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 Bold">
    <w:altName w:val="Times New Roman"/>
    <w:panose1 w:val="020B0604020202020204"/>
    <w:charset w:val="00"/>
    <w:family w:val="roman"/>
    <w:notTrueType/>
    <w:pitch w:val="default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3273"/>
      <w:gridCol w:w="3418"/>
      <w:gridCol w:w="3281"/>
    </w:tblGrid>
    <w:tr w:rsidR="009806F0" w:rsidRPr="003E4C00" w14:paraId="2C73A12D" w14:textId="77777777" w:rsidTr="00F87920">
      <w:tc>
        <w:tcPr>
          <w:tcW w:w="5000" w:type="pct"/>
          <w:gridSpan w:val="3"/>
          <w:tcMar>
            <w:top w:w="170" w:type="dxa"/>
          </w:tcMar>
        </w:tcPr>
        <w:p w14:paraId="3C734039" w14:textId="77777777" w:rsidR="009806F0" w:rsidRPr="003E4C00" w:rsidRDefault="009806F0" w:rsidP="009806F0">
          <w:pPr>
            <w:pStyle w:val="AONormal8LBold"/>
          </w:pPr>
          <w:r w:rsidRPr="003E4C00">
            <w:fldChar w:fldCharType="begin"/>
          </w:r>
          <w:r w:rsidRPr="003E4C00">
            <w:instrText xml:space="preserve"> DOCPROPERTY  cpFooterText</w:instrText>
          </w:r>
          <w:r w:rsidRPr="003E4C00">
            <w:fldChar w:fldCharType="end"/>
          </w:r>
        </w:p>
      </w:tc>
    </w:tr>
    <w:tr w:rsidR="009806F0" w:rsidRPr="003E4C00" w14:paraId="3F2C1D64" w14:textId="77777777" w:rsidTr="00F87920">
      <w:tc>
        <w:tcPr>
          <w:tcW w:w="1641" w:type="pct"/>
        </w:tcPr>
        <w:p w14:paraId="6AFB0659" w14:textId="77777777" w:rsidR="009806F0" w:rsidRPr="003E4C00" w:rsidRDefault="004F4156" w:rsidP="009806F0">
          <w:pPr>
            <w:pStyle w:val="AONormal8L"/>
          </w:pPr>
          <w:r>
            <w:fldChar w:fldCharType="begin"/>
          </w:r>
          <w:r>
            <w:instrText xml:space="preserve"> DOCPROPERTY cpCombinedRef </w:instrText>
          </w:r>
          <w:r>
            <w:fldChar w:fldCharType="separate"/>
          </w:r>
          <w:r w:rsidR="001934FB">
            <w:t>0137588-0000001 NYO1: 2003015338.1</w:t>
          </w:r>
          <w:r>
            <w:fldChar w:fldCharType="end"/>
          </w:r>
        </w:p>
      </w:tc>
      <w:tc>
        <w:tcPr>
          <w:tcW w:w="1714" w:type="pct"/>
        </w:tcPr>
        <w:p w14:paraId="3B2F7DB7" w14:textId="77777777" w:rsidR="009806F0" w:rsidRPr="003E4C00" w:rsidRDefault="009806F0" w:rsidP="009806F0">
          <w:pPr>
            <w:pStyle w:val="AONormal8C"/>
          </w:pPr>
          <w:r w:rsidRPr="003E4C00">
            <w:fldChar w:fldCharType="begin"/>
          </w:r>
          <w:r w:rsidRPr="003E4C00">
            <w:instrText xml:space="preserve"> PAGE </w:instrText>
          </w:r>
          <w:r w:rsidRPr="003E4C00">
            <w:fldChar w:fldCharType="separate"/>
          </w:r>
          <w:r w:rsidR="001934FB">
            <w:rPr>
              <w:noProof/>
            </w:rPr>
            <w:t>1</w:t>
          </w:r>
          <w:r w:rsidRPr="003E4C00">
            <w:rPr>
              <w:noProof/>
            </w:rPr>
            <w:fldChar w:fldCharType="end"/>
          </w:r>
        </w:p>
      </w:tc>
      <w:tc>
        <w:tcPr>
          <w:tcW w:w="1645" w:type="pct"/>
        </w:tcPr>
        <w:p w14:paraId="27F6B936" w14:textId="77777777" w:rsidR="009806F0" w:rsidRPr="003E4C00" w:rsidRDefault="009806F0" w:rsidP="009806F0">
          <w:pPr>
            <w:pStyle w:val="AONormal8R"/>
          </w:pPr>
        </w:p>
      </w:tc>
    </w:tr>
  </w:tbl>
  <w:p w14:paraId="1A7057D4" w14:textId="77777777" w:rsidR="00910A3D" w:rsidRPr="00B4019A" w:rsidRDefault="00910A3D" w:rsidP="00B51A79">
    <w:pPr>
      <w:pStyle w:val="AONormal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3273"/>
      <w:gridCol w:w="3418"/>
      <w:gridCol w:w="3281"/>
    </w:tblGrid>
    <w:tr w:rsidR="009806F0" w:rsidRPr="003E4C00" w14:paraId="55F2FB91" w14:textId="77777777" w:rsidTr="00F87920">
      <w:tc>
        <w:tcPr>
          <w:tcW w:w="5000" w:type="pct"/>
          <w:gridSpan w:val="3"/>
          <w:tcMar>
            <w:top w:w="170" w:type="dxa"/>
          </w:tcMar>
        </w:tcPr>
        <w:p w14:paraId="2F727B5A" w14:textId="77777777" w:rsidR="009806F0" w:rsidRPr="003E4C00" w:rsidRDefault="009806F0" w:rsidP="009806F0">
          <w:pPr>
            <w:pStyle w:val="AONormal8LBold"/>
          </w:pPr>
          <w:r w:rsidRPr="003E4C00">
            <w:fldChar w:fldCharType="begin"/>
          </w:r>
          <w:r w:rsidRPr="003E4C00">
            <w:instrText xml:space="preserve"> DOCPROPERTY  cpFooterText</w:instrText>
          </w:r>
          <w:r w:rsidRPr="003E4C00">
            <w:fldChar w:fldCharType="end"/>
          </w:r>
        </w:p>
      </w:tc>
    </w:tr>
    <w:tr w:rsidR="009806F0" w:rsidRPr="003E4C00" w14:paraId="6F060E77" w14:textId="77777777" w:rsidTr="00F87920">
      <w:tc>
        <w:tcPr>
          <w:tcW w:w="1641" w:type="pct"/>
        </w:tcPr>
        <w:p w14:paraId="65A9DBA4" w14:textId="77777777" w:rsidR="009806F0" w:rsidRPr="003E4C00" w:rsidRDefault="004F4156" w:rsidP="009806F0">
          <w:pPr>
            <w:pStyle w:val="AONormal8L"/>
          </w:pPr>
          <w:r>
            <w:fldChar w:fldCharType="begin"/>
          </w:r>
          <w:r>
            <w:instrText xml:space="preserve"> DOCPROPERTY cpCombinedRef </w:instrText>
          </w:r>
          <w:r>
            <w:fldChar w:fldCharType="separate"/>
          </w:r>
          <w:r w:rsidR="00601C8F">
            <w:t>0137588-0000001 NYO1: 2003015338.1</w:t>
          </w:r>
          <w:r>
            <w:fldChar w:fldCharType="end"/>
          </w:r>
        </w:p>
      </w:tc>
      <w:tc>
        <w:tcPr>
          <w:tcW w:w="1714" w:type="pct"/>
        </w:tcPr>
        <w:p w14:paraId="405C06FB" w14:textId="77777777" w:rsidR="009806F0" w:rsidRPr="003E4C00" w:rsidRDefault="009806F0" w:rsidP="009806F0">
          <w:pPr>
            <w:pStyle w:val="AONormal8C"/>
          </w:pPr>
          <w:r w:rsidRPr="003E4C00">
            <w:fldChar w:fldCharType="begin"/>
          </w:r>
          <w:r w:rsidRPr="003E4C00">
            <w:instrText xml:space="preserve"> PAGE </w:instrText>
          </w:r>
          <w:r w:rsidRPr="003E4C00">
            <w:fldChar w:fldCharType="separate"/>
          </w:r>
          <w:r w:rsidR="00601C8F">
            <w:rPr>
              <w:noProof/>
            </w:rPr>
            <w:t>1</w:t>
          </w:r>
          <w:r w:rsidRPr="003E4C00">
            <w:rPr>
              <w:noProof/>
            </w:rPr>
            <w:fldChar w:fldCharType="end"/>
          </w:r>
        </w:p>
      </w:tc>
      <w:tc>
        <w:tcPr>
          <w:tcW w:w="1645" w:type="pct"/>
        </w:tcPr>
        <w:p w14:paraId="2584B44F" w14:textId="77777777" w:rsidR="009806F0" w:rsidRPr="003E4C00" w:rsidRDefault="009806F0" w:rsidP="009806F0">
          <w:pPr>
            <w:pStyle w:val="AONormal8R"/>
          </w:pPr>
        </w:p>
      </w:tc>
    </w:tr>
  </w:tbl>
  <w:p w14:paraId="5665EE47" w14:textId="77777777" w:rsidR="00910A3D" w:rsidRPr="00B4019A" w:rsidRDefault="00910A3D" w:rsidP="00B51A79">
    <w:pPr>
      <w:pStyle w:val="AONormal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AE71BE" w14:textId="77777777" w:rsidR="00601C8F" w:rsidRDefault="00601C8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C7BC690" w14:textId="77777777" w:rsidR="00D91EA2" w:rsidRPr="00B4019A" w:rsidRDefault="00D91EA2" w:rsidP="00A96094">
      <w:r w:rsidRPr="00B4019A">
        <w:separator/>
      </w:r>
    </w:p>
  </w:footnote>
  <w:footnote w:type="continuationSeparator" w:id="0">
    <w:p w14:paraId="5DEB7764" w14:textId="77777777" w:rsidR="00D91EA2" w:rsidRPr="00B4019A" w:rsidRDefault="00D91EA2" w:rsidP="00A96094">
      <w:r w:rsidRPr="00B4019A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5000" w:type="pct"/>
      <w:tblLayout w:type="fixed"/>
      <w:tblLook w:val="04A0" w:firstRow="1" w:lastRow="0" w:firstColumn="1" w:lastColumn="0" w:noHBand="0" w:noVBand="1"/>
    </w:tblPr>
    <w:tblGrid>
      <w:gridCol w:w="9972"/>
    </w:tblGrid>
    <w:tr w:rsidR="00910A3D" w:rsidRPr="00B4019A" w14:paraId="1C0671BB" w14:textId="77777777" w:rsidTr="00A25DE7">
      <w:tc>
        <w:tcPr>
          <w:tcW w:w="9638" w:type="dxa"/>
        </w:tcPr>
        <w:p w14:paraId="558CF7AC" w14:textId="77777777" w:rsidR="00910A3D" w:rsidRPr="00B4019A" w:rsidRDefault="00910A3D" w:rsidP="00910A3D">
          <w:pPr>
            <w:pStyle w:val="AONormal8LBold"/>
          </w:pPr>
          <w:r w:rsidRPr="00B4019A">
            <w:fldChar w:fldCharType="begin"/>
          </w:r>
          <w:r w:rsidRPr="00B4019A">
            <w:instrText xml:space="preserve"> DOCPROPERTY  cpHeaderText</w:instrText>
          </w:r>
          <w:r w:rsidRPr="00B4019A">
            <w:fldChar w:fldCharType="end"/>
          </w:r>
        </w:p>
      </w:tc>
    </w:tr>
  </w:tbl>
  <w:p w14:paraId="3E45CA28" w14:textId="77777777" w:rsidR="00910A3D" w:rsidRPr="00B4019A" w:rsidRDefault="00910A3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5000" w:type="pct"/>
      <w:tblLayout w:type="fixed"/>
      <w:tblLook w:val="04A0" w:firstRow="1" w:lastRow="0" w:firstColumn="1" w:lastColumn="0" w:noHBand="0" w:noVBand="1"/>
    </w:tblPr>
    <w:tblGrid>
      <w:gridCol w:w="9972"/>
    </w:tblGrid>
    <w:tr w:rsidR="00910A3D" w:rsidRPr="00B4019A" w14:paraId="29FECDCA" w14:textId="77777777" w:rsidTr="00A25DE7">
      <w:tc>
        <w:tcPr>
          <w:tcW w:w="9638" w:type="dxa"/>
        </w:tcPr>
        <w:p w14:paraId="5D3088D9" w14:textId="77777777" w:rsidR="00910A3D" w:rsidRPr="00B4019A" w:rsidRDefault="00910A3D" w:rsidP="00910A3D">
          <w:pPr>
            <w:pStyle w:val="AONormal8LBold"/>
          </w:pPr>
          <w:r w:rsidRPr="00B4019A">
            <w:fldChar w:fldCharType="begin"/>
          </w:r>
          <w:r w:rsidRPr="00B4019A">
            <w:instrText xml:space="preserve"> DOCPROPERTY  cpHeaderText</w:instrText>
          </w:r>
          <w:r w:rsidRPr="00B4019A">
            <w:fldChar w:fldCharType="end"/>
          </w:r>
        </w:p>
      </w:tc>
    </w:tr>
  </w:tbl>
  <w:p w14:paraId="2F2999DF" w14:textId="77777777" w:rsidR="00910A3D" w:rsidRPr="00B4019A" w:rsidRDefault="00910A3D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5000" w:type="pct"/>
      <w:tblLook w:val="04A0" w:firstRow="1" w:lastRow="0" w:firstColumn="1" w:lastColumn="0" w:noHBand="0" w:noVBand="1"/>
    </w:tblPr>
    <w:tblGrid>
      <w:gridCol w:w="6532"/>
      <w:gridCol w:w="3440"/>
    </w:tblGrid>
    <w:tr w:rsidR="00A96094" w:rsidRPr="00B4019A" w14:paraId="3D36FEDD" w14:textId="77777777" w:rsidTr="008D79C8">
      <w:trPr>
        <w:trHeight w:hRule="exact" w:val="1361"/>
      </w:trPr>
      <w:tc>
        <w:tcPr>
          <w:tcW w:w="6313" w:type="dxa"/>
        </w:tcPr>
        <w:p w14:paraId="1BF2F1BF" w14:textId="77777777" w:rsidR="00744F4E" w:rsidRDefault="00744F4E" w:rsidP="00A96094">
          <w:pPr>
            <w:pStyle w:val="AONormal"/>
          </w:pPr>
          <w:bookmarkStart w:id="2" w:name="bmkHeaderFirstLetter"/>
          <w:r>
            <w:t>DRAFT</w:t>
          </w:r>
        </w:p>
        <w:p w14:paraId="5230DE5D" w14:textId="77777777" w:rsidR="00A96094" w:rsidRDefault="00744F4E" w:rsidP="00744F4E">
          <w:pPr>
            <w:pStyle w:val="AONormal"/>
          </w:pPr>
          <w:r>
            <w:t>Please note that this draft does not constitute legal advice.</w:t>
          </w:r>
        </w:p>
        <w:p w14:paraId="37CF758B" w14:textId="77777777" w:rsidR="00744F4E" w:rsidRPr="00B4019A" w:rsidRDefault="00744F4E" w:rsidP="00744F4E">
          <w:pPr>
            <w:pStyle w:val="AONormal"/>
          </w:pPr>
          <w:r>
            <w:t xml:space="preserve">Recipients of this draft should review and revise as necessary. </w:t>
          </w:r>
        </w:p>
      </w:tc>
      <w:bookmarkStart w:id="3" w:name="bmkAOLogo"/>
      <w:tc>
        <w:tcPr>
          <w:tcW w:w="3325" w:type="dxa"/>
        </w:tcPr>
        <w:p w14:paraId="2CDD3495" w14:textId="77777777" w:rsidR="00A96094" w:rsidRPr="00B4019A" w:rsidRDefault="00D91EA2" w:rsidP="005C66FC">
          <w:pPr>
            <w:pStyle w:val="AONormal"/>
            <w:spacing w:before="10"/>
          </w:pPr>
          <w:sdt>
            <w:sdtPr>
              <w:alias w:val="ccAOLogo"/>
              <w:tag w:val="{&quot;templafy&quot;:{&quot;id&quot;:&quot;0a84ad99-32bd-4cb3-a69f-9bb772844424&quot;}}"/>
              <w:id w:val="596752719"/>
              <w:picture/>
            </w:sdtPr>
            <w:sdtEndPr/>
            <w:sdtContent>
              <w:r w:rsidR="00847A80">
                <w:rPr>
                  <w:noProof/>
                </w:rPr>
                <w:drawing>
                  <wp:inline distT="0" distB="0" distL="0" distR="0" wp14:anchorId="7F6ADE82" wp14:editId="41E71D9C">
                    <wp:extent cx="50812" cy="50812"/>
                    <wp:effectExtent l="0" t="0" r="0" b="0"/>
                    <wp:docPr id="3" name="Picture 2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99127732" name="Picture 2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50812" cy="5081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sdtContent>
          </w:sdt>
          <w:bookmarkEnd w:id="3"/>
          <w:r w:rsidR="00847A80">
            <w:t xml:space="preserve"> </w:t>
          </w:r>
        </w:p>
      </w:tc>
    </w:tr>
    <w:bookmarkEnd w:id="2"/>
  </w:tbl>
  <w:p w14:paraId="01DC29BF" w14:textId="77777777" w:rsidR="00A96094" w:rsidRPr="00B4019A" w:rsidRDefault="00A96094" w:rsidP="00A96094">
    <w:pPr>
      <w:pStyle w:val="AONormal8L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44209E7"/>
    <w:multiLevelType w:val="multilevel"/>
    <w:tmpl w:val="4AE6BC92"/>
    <w:name w:val="AOApp"/>
    <w:lvl w:ilvl="0">
      <w:start w:val="1"/>
      <w:numFmt w:val="decimal"/>
      <w:lvlRestart w:val="0"/>
      <w:pStyle w:val="AOAppHead"/>
      <w:suff w:val="nothing"/>
      <w:lvlText w:val="Appendix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pp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" w15:restartNumberingAfterBreak="0">
    <w:nsid w:val="10F37ADE"/>
    <w:multiLevelType w:val="multilevel"/>
    <w:tmpl w:val="9FC2486A"/>
    <w:name w:val="AOListNumberList"/>
    <w:lvl w:ilvl="0">
      <w:start w:val="1"/>
      <w:numFmt w:val="decimal"/>
      <w:lvlRestart w:val="0"/>
      <w:pStyle w:val="AOListNumber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lowerLetter"/>
      <w:lvlText w:val="(%2)"/>
      <w:lvlJc w:val="left"/>
      <w:pPr>
        <w:tabs>
          <w:tab w:val="num" w:pos="720"/>
        </w:tabs>
        <w:ind w:left="720" w:hanging="720"/>
      </w:pPr>
    </w:lvl>
    <w:lvl w:ilvl="2">
      <w:start w:val="1"/>
      <w:numFmt w:val="lowerRoman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upperLetter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Roman"/>
      <w:lvlText w:val="%5."/>
      <w:lvlJc w:val="left"/>
      <w:pPr>
        <w:tabs>
          <w:tab w:val="num" w:pos="2880"/>
        </w:tabs>
        <w:ind w:left="2880" w:hanging="720"/>
      </w:pPr>
    </w:lvl>
    <w:lvl w:ilvl="5">
      <w:start w:val="1"/>
      <w:numFmt w:val="lowerLetter"/>
      <w:lvlText w:val="(%6)"/>
      <w:lvlJc w:val="left"/>
      <w:pPr>
        <w:tabs>
          <w:tab w:val="num" w:pos="1440"/>
        </w:tabs>
        <w:ind w:left="1440" w:hanging="720"/>
      </w:pPr>
    </w:lvl>
    <w:lvl w:ilvl="6">
      <w:start w:val="1"/>
      <w:numFmt w:val="lowerRoman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2" w15:restartNumberingAfterBreak="0">
    <w:nsid w:val="1B0661F6"/>
    <w:multiLevelType w:val="singleLevel"/>
    <w:tmpl w:val="4830EC42"/>
    <w:name w:val="AOBullet2List"/>
    <w:lvl w:ilvl="0">
      <w:start w:val="1"/>
      <w:numFmt w:val="bullet"/>
      <w:lvlRestart w:val="0"/>
      <w:pStyle w:val="AOBullet2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3" w15:restartNumberingAfterBreak="0">
    <w:nsid w:val="31FA6DE9"/>
    <w:multiLevelType w:val="singleLevel"/>
    <w:tmpl w:val="7C14B0E4"/>
    <w:name w:val="AOBulletList"/>
    <w:lvl w:ilvl="0">
      <w:start w:val="1"/>
      <w:numFmt w:val="bullet"/>
      <w:lvlRestart w:val="0"/>
      <w:pStyle w:val="AO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  <w:caps w:val="0"/>
      </w:rPr>
    </w:lvl>
  </w:abstractNum>
  <w:abstractNum w:abstractNumId="4" w15:restartNumberingAfterBreak="0">
    <w:nsid w:val="391D542D"/>
    <w:multiLevelType w:val="multilevel"/>
    <w:tmpl w:val="3118B31C"/>
    <w:name w:val="AOTOC67"/>
    <w:lvl w:ilvl="0">
      <w:start w:val="1"/>
      <w:numFmt w:val="decimal"/>
      <w:lvlRestart w:val="0"/>
      <w:pStyle w:val="TOC6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7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5" w15:restartNumberingAfterBreak="0">
    <w:nsid w:val="3D0E7D39"/>
    <w:multiLevelType w:val="multilevel"/>
    <w:tmpl w:val="7124DCE0"/>
    <w:name w:val="AOSch"/>
    <w:lvl w:ilvl="0">
      <w:start w:val="1"/>
      <w:numFmt w:val="decimal"/>
      <w:lvlRestart w:val="0"/>
      <w:pStyle w:val="AOSchHead"/>
      <w:suff w:val="nothing"/>
      <w:lvlText w:val="Exhibit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Sch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6" w15:restartNumberingAfterBreak="0">
    <w:nsid w:val="3E29759A"/>
    <w:multiLevelType w:val="multilevel"/>
    <w:tmpl w:val="E858054A"/>
    <w:name w:val="AOGen2"/>
    <w:lvl w:ilvl="0">
      <w:start w:val="1"/>
      <w:numFmt w:val="decimal"/>
      <w:lvlRestart w:val="0"/>
      <w:pStyle w:val="AOGenNum2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2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2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7" w15:restartNumberingAfterBreak="0">
    <w:nsid w:val="41F230E7"/>
    <w:multiLevelType w:val="singleLevel"/>
    <w:tmpl w:val="D8EEB1C0"/>
    <w:name w:val="AOBullet4List"/>
    <w:lvl w:ilvl="0">
      <w:start w:val="1"/>
      <w:numFmt w:val="bullet"/>
      <w:lvlRestart w:val="0"/>
      <w:pStyle w:val="AOBullet4"/>
      <w:lvlText w:val="§"/>
      <w:lvlJc w:val="left"/>
      <w:pPr>
        <w:tabs>
          <w:tab w:val="num" w:pos="720"/>
        </w:tabs>
        <w:ind w:left="720" w:hanging="720"/>
      </w:pPr>
      <w:rPr>
        <w:rFonts w:ascii="Wingdings" w:hAnsi="Wingdings" w:hint="default"/>
      </w:rPr>
    </w:lvl>
  </w:abstractNum>
  <w:abstractNum w:abstractNumId="8" w15:restartNumberingAfterBreak="0">
    <w:nsid w:val="47B238E7"/>
    <w:multiLevelType w:val="multilevel"/>
    <w:tmpl w:val="D2C69366"/>
    <w:name w:val="AOGen3"/>
    <w:lvl w:ilvl="0">
      <w:start w:val="1"/>
      <w:numFmt w:val="decimal"/>
      <w:lvlRestart w:val="0"/>
      <w:pStyle w:val="AOGenNum3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3List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9" w15:restartNumberingAfterBreak="0">
    <w:nsid w:val="49C66851"/>
    <w:multiLevelType w:val="multilevel"/>
    <w:tmpl w:val="4E548026"/>
    <w:name w:val="AOAnx"/>
    <w:lvl w:ilvl="0">
      <w:start w:val="1"/>
      <w:numFmt w:val="decimal"/>
      <w:lvlRestart w:val="0"/>
      <w:pStyle w:val="AOAnxHead"/>
      <w:suff w:val="nothing"/>
      <w:lvlText w:val="Annex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nx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0" w15:restartNumberingAfterBreak="0">
    <w:nsid w:val="4CFE7B09"/>
    <w:multiLevelType w:val="multilevel"/>
    <w:tmpl w:val="ED72CCE0"/>
    <w:name w:val="AO1"/>
    <w:lvl w:ilvl="0">
      <w:start w:val="1"/>
      <w:numFmt w:val="decimal"/>
      <w:lvlRestart w:val="0"/>
      <w:pStyle w:val="AO1"/>
      <w:lvlText w:val="(%1)"/>
      <w:lvlJc w:val="left"/>
      <w:pPr>
        <w:tabs>
          <w:tab w:val="num" w:pos="720"/>
        </w:tabs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11" w15:restartNumberingAfterBreak="0">
    <w:nsid w:val="4E4B4E3E"/>
    <w:multiLevelType w:val="multilevel"/>
    <w:tmpl w:val="A468C28C"/>
    <w:name w:val="AOHeadX"/>
    <w:lvl w:ilvl="0">
      <w:start w:val="1"/>
      <w:numFmt w:val="decimal"/>
      <w:lvlRestart w:val="0"/>
      <w:pStyle w:val="AOHead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Head2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Head3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pStyle w:val="AOHead4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Letter"/>
      <w:pStyle w:val="AOHead5"/>
      <w:lvlText w:val="(%5)"/>
      <w:lvlJc w:val="left"/>
      <w:pPr>
        <w:tabs>
          <w:tab w:val="num" w:pos="2880"/>
        </w:tabs>
        <w:ind w:left="2880" w:hanging="720"/>
      </w:pPr>
    </w:lvl>
    <w:lvl w:ilvl="5">
      <w:start w:val="1"/>
      <w:numFmt w:val="upperRoman"/>
      <w:pStyle w:val="AOHead6"/>
      <w:lvlText w:val="%6."/>
      <w:lvlJc w:val="left"/>
      <w:pPr>
        <w:tabs>
          <w:tab w:val="num" w:pos="3600"/>
        </w:tabs>
        <w:ind w:left="3600" w:hanging="720"/>
      </w:p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</w:abstractNum>
  <w:abstractNum w:abstractNumId="12" w15:restartNumberingAfterBreak="0">
    <w:nsid w:val="511C70D7"/>
    <w:multiLevelType w:val="multilevel"/>
    <w:tmpl w:val="F258D804"/>
    <w:name w:val="AOTOC34"/>
    <w:lvl w:ilvl="0">
      <w:start w:val="1"/>
      <w:numFmt w:val="decimal"/>
      <w:lvlRestart w:val="0"/>
      <w:pStyle w:val="TOC3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4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3" w15:restartNumberingAfterBreak="0">
    <w:nsid w:val="62830D10"/>
    <w:multiLevelType w:val="multilevel"/>
    <w:tmpl w:val="DEAC06D2"/>
    <w:name w:val="AOA"/>
    <w:lvl w:ilvl="0">
      <w:start w:val="1"/>
      <w:numFmt w:val="upperLetter"/>
      <w:lvlRestart w:val="0"/>
      <w:pStyle w:val="AOA"/>
      <w:lvlText w:val="(%1)"/>
      <w:lvlJc w:val="left"/>
      <w:pPr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14" w15:restartNumberingAfterBreak="0">
    <w:nsid w:val="6AA227D0"/>
    <w:multiLevelType w:val="multilevel"/>
    <w:tmpl w:val="8D7090B4"/>
    <w:name w:val="AOTOC89"/>
    <w:lvl w:ilvl="0">
      <w:start w:val="1"/>
      <w:numFmt w:val="decimal"/>
      <w:lvlRestart w:val="0"/>
      <w:pStyle w:val="TOC8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9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5" w15:restartNumberingAfterBreak="0">
    <w:nsid w:val="6F025FAA"/>
    <w:multiLevelType w:val="multilevel"/>
    <w:tmpl w:val="81C00400"/>
    <w:name w:val="AODef"/>
    <w:lvl w:ilvl="0">
      <w:start w:val="1"/>
      <w:numFmt w:val="none"/>
      <w:lvlRestart w:val="0"/>
      <w:pStyle w:val="AODefHead"/>
      <w:suff w:val="nothing"/>
      <w:lvlText w:val=""/>
      <w:lvlJc w:val="left"/>
      <w:pPr>
        <w:tabs>
          <w:tab w:val="num" w:pos="720"/>
        </w:tabs>
        <w:ind w:left="720" w:firstLine="0"/>
      </w:pPr>
    </w:lvl>
    <w:lvl w:ilvl="1">
      <w:start w:val="1"/>
      <w:numFmt w:val="none"/>
      <w:pStyle w:val="AODefPara"/>
      <w:suff w:val="nothing"/>
      <w:lvlText w:val=""/>
      <w:lvlJc w:val="left"/>
      <w:pPr>
        <w:tabs>
          <w:tab w:val="num" w:pos="720"/>
        </w:tabs>
        <w:ind w:left="720" w:firstLine="0"/>
      </w:pPr>
    </w:lvl>
    <w:lvl w:ilvl="2">
      <w:start w:val="1"/>
      <w:numFmt w:val="lowerLetter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Letter"/>
      <w:lvlText w:val="(%5)"/>
      <w:lvlJc w:val="left"/>
      <w:pPr>
        <w:tabs>
          <w:tab w:val="num" w:pos="2160"/>
        </w:tabs>
        <w:ind w:left="216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decimal"/>
      <w:lvlText w:val="(%8)"/>
      <w:lvlJc w:val="left"/>
      <w:pPr>
        <w:tabs>
          <w:tab w:val="num" w:pos="1440"/>
        </w:tabs>
        <w:ind w:left="1440" w:hanging="720"/>
      </w:pPr>
    </w:lvl>
    <w:lvl w:ilvl="8">
      <w:start w:val="1"/>
      <w:numFmt w:val="decimal"/>
      <w:lvlText w:val="(%9)"/>
      <w:lvlJc w:val="left"/>
      <w:pPr>
        <w:tabs>
          <w:tab w:val="num" w:pos="2160"/>
        </w:tabs>
        <w:ind w:left="2160" w:hanging="720"/>
      </w:pPr>
    </w:lvl>
  </w:abstractNum>
  <w:abstractNum w:abstractNumId="16" w15:restartNumberingAfterBreak="0">
    <w:nsid w:val="6F8D3D7A"/>
    <w:multiLevelType w:val="singleLevel"/>
    <w:tmpl w:val="6B6C89F2"/>
    <w:name w:val="AOBullet3List"/>
    <w:lvl w:ilvl="0">
      <w:start w:val="1"/>
      <w:numFmt w:val="bullet"/>
      <w:lvlRestart w:val="0"/>
      <w:pStyle w:val="AOBullet3"/>
      <w:lvlText w:val="-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17" w15:restartNumberingAfterBreak="0">
    <w:nsid w:val="761544F7"/>
    <w:multiLevelType w:val="multilevel"/>
    <w:tmpl w:val="57468C52"/>
    <w:name w:val="AOGen1"/>
    <w:lvl w:ilvl="0">
      <w:start w:val="1"/>
      <w:numFmt w:val="decimal"/>
      <w:lvlRestart w:val="0"/>
      <w:pStyle w:val="AOGenNum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1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1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num w:numId="1">
    <w:abstractNumId w:val="10"/>
  </w:num>
  <w:num w:numId="2">
    <w:abstractNumId w:val="13"/>
  </w:num>
  <w:num w:numId="3">
    <w:abstractNumId w:val="11"/>
  </w:num>
  <w:num w:numId="4">
    <w:abstractNumId w:val="0"/>
  </w:num>
  <w:num w:numId="5">
    <w:abstractNumId w:val="9"/>
  </w:num>
  <w:num w:numId="6">
    <w:abstractNumId w:val="5"/>
  </w:num>
  <w:num w:numId="7">
    <w:abstractNumId w:val="15"/>
  </w:num>
  <w:num w:numId="8">
    <w:abstractNumId w:val="3"/>
  </w:num>
  <w:num w:numId="9">
    <w:abstractNumId w:val="2"/>
  </w:num>
  <w:num w:numId="10">
    <w:abstractNumId w:val="16"/>
  </w:num>
  <w:num w:numId="11">
    <w:abstractNumId w:val="7"/>
  </w:num>
  <w:num w:numId="12">
    <w:abstractNumId w:val="17"/>
  </w:num>
  <w:num w:numId="13">
    <w:abstractNumId w:val="6"/>
  </w:num>
  <w:num w:numId="14">
    <w:abstractNumId w:val="8"/>
  </w:num>
  <w:num w:numId="15">
    <w:abstractNumId w:val="12"/>
  </w:num>
  <w:num w:numId="16">
    <w:abstractNumId w:val="4"/>
  </w:num>
  <w:num w:numId="17">
    <w:abstractNumId w:val="14"/>
  </w:num>
  <w:num w:numId="18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1"/>
  <w:proofState w:spelling="clean" w:grammar="clean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B5D43"/>
    <w:rsid w:val="00001119"/>
    <w:rsid w:val="000024FD"/>
    <w:rsid w:val="0000480A"/>
    <w:rsid w:val="00007E22"/>
    <w:rsid w:val="000119EA"/>
    <w:rsid w:val="00011FF4"/>
    <w:rsid w:val="000148D3"/>
    <w:rsid w:val="0002458D"/>
    <w:rsid w:val="00025256"/>
    <w:rsid w:val="00026740"/>
    <w:rsid w:val="0002702D"/>
    <w:rsid w:val="00027252"/>
    <w:rsid w:val="00030765"/>
    <w:rsid w:val="0003267E"/>
    <w:rsid w:val="000406DF"/>
    <w:rsid w:val="00047662"/>
    <w:rsid w:val="00053C5D"/>
    <w:rsid w:val="00056D49"/>
    <w:rsid w:val="00057BBF"/>
    <w:rsid w:val="00065E27"/>
    <w:rsid w:val="00070144"/>
    <w:rsid w:val="00071EC3"/>
    <w:rsid w:val="00072653"/>
    <w:rsid w:val="000753DE"/>
    <w:rsid w:val="0008340C"/>
    <w:rsid w:val="0008361A"/>
    <w:rsid w:val="000906A5"/>
    <w:rsid w:val="00090AD2"/>
    <w:rsid w:val="000A31FC"/>
    <w:rsid w:val="000A32B9"/>
    <w:rsid w:val="000A60CF"/>
    <w:rsid w:val="000B107E"/>
    <w:rsid w:val="000B16A4"/>
    <w:rsid w:val="000B35FC"/>
    <w:rsid w:val="000B45AD"/>
    <w:rsid w:val="000B515B"/>
    <w:rsid w:val="000B5D65"/>
    <w:rsid w:val="000C3548"/>
    <w:rsid w:val="000C471E"/>
    <w:rsid w:val="000C6680"/>
    <w:rsid w:val="000D76E0"/>
    <w:rsid w:val="000E0525"/>
    <w:rsid w:val="000E3CC5"/>
    <w:rsid w:val="000F66CB"/>
    <w:rsid w:val="000F7096"/>
    <w:rsid w:val="000F7A71"/>
    <w:rsid w:val="00124D6A"/>
    <w:rsid w:val="001274C2"/>
    <w:rsid w:val="00127711"/>
    <w:rsid w:val="00130686"/>
    <w:rsid w:val="00132622"/>
    <w:rsid w:val="00132E65"/>
    <w:rsid w:val="00145DE2"/>
    <w:rsid w:val="0015067D"/>
    <w:rsid w:val="00150EEC"/>
    <w:rsid w:val="00157377"/>
    <w:rsid w:val="0016038D"/>
    <w:rsid w:val="00160BEE"/>
    <w:rsid w:val="00182418"/>
    <w:rsid w:val="001833A5"/>
    <w:rsid w:val="001930FB"/>
    <w:rsid w:val="00193459"/>
    <w:rsid w:val="001934FB"/>
    <w:rsid w:val="001970BB"/>
    <w:rsid w:val="001A09BF"/>
    <w:rsid w:val="001A0DE8"/>
    <w:rsid w:val="001A73C3"/>
    <w:rsid w:val="001B0A27"/>
    <w:rsid w:val="001B1222"/>
    <w:rsid w:val="001B4AE5"/>
    <w:rsid w:val="001C2A6E"/>
    <w:rsid w:val="001C405C"/>
    <w:rsid w:val="001F28C3"/>
    <w:rsid w:val="001F6458"/>
    <w:rsid w:val="002047EF"/>
    <w:rsid w:val="00204950"/>
    <w:rsid w:val="00204A06"/>
    <w:rsid w:val="00212921"/>
    <w:rsid w:val="002229DE"/>
    <w:rsid w:val="00231538"/>
    <w:rsid w:val="00231614"/>
    <w:rsid w:val="00240445"/>
    <w:rsid w:val="002441D5"/>
    <w:rsid w:val="002465CB"/>
    <w:rsid w:val="00247D7F"/>
    <w:rsid w:val="00250D19"/>
    <w:rsid w:val="002529E8"/>
    <w:rsid w:val="00254016"/>
    <w:rsid w:val="002624CA"/>
    <w:rsid w:val="00265875"/>
    <w:rsid w:val="00270D1F"/>
    <w:rsid w:val="0027317B"/>
    <w:rsid w:val="00275F50"/>
    <w:rsid w:val="002857D5"/>
    <w:rsid w:val="00293215"/>
    <w:rsid w:val="00293FFA"/>
    <w:rsid w:val="00295EAB"/>
    <w:rsid w:val="002968D9"/>
    <w:rsid w:val="00297CD2"/>
    <w:rsid w:val="002A189C"/>
    <w:rsid w:val="002B4DA7"/>
    <w:rsid w:val="002B6614"/>
    <w:rsid w:val="002C0B8D"/>
    <w:rsid w:val="002C47D6"/>
    <w:rsid w:val="002C71F2"/>
    <w:rsid w:val="002E0360"/>
    <w:rsid w:val="002E135A"/>
    <w:rsid w:val="002E1DDF"/>
    <w:rsid w:val="002E37A1"/>
    <w:rsid w:val="002E4402"/>
    <w:rsid w:val="002F129E"/>
    <w:rsid w:val="002F15B6"/>
    <w:rsid w:val="002F387C"/>
    <w:rsid w:val="00301D27"/>
    <w:rsid w:val="0030274B"/>
    <w:rsid w:val="00306F67"/>
    <w:rsid w:val="00311765"/>
    <w:rsid w:val="00314877"/>
    <w:rsid w:val="00320199"/>
    <w:rsid w:val="003252B1"/>
    <w:rsid w:val="00325881"/>
    <w:rsid w:val="003316CE"/>
    <w:rsid w:val="00331833"/>
    <w:rsid w:val="0033259F"/>
    <w:rsid w:val="00344114"/>
    <w:rsid w:val="00346CCE"/>
    <w:rsid w:val="0034761C"/>
    <w:rsid w:val="00350A08"/>
    <w:rsid w:val="00355ECA"/>
    <w:rsid w:val="00360E1F"/>
    <w:rsid w:val="003646E9"/>
    <w:rsid w:val="0036703A"/>
    <w:rsid w:val="00371B87"/>
    <w:rsid w:val="00377DD8"/>
    <w:rsid w:val="00377E59"/>
    <w:rsid w:val="00384E4B"/>
    <w:rsid w:val="00395D5A"/>
    <w:rsid w:val="003965DA"/>
    <w:rsid w:val="003965F7"/>
    <w:rsid w:val="003A1526"/>
    <w:rsid w:val="003B078F"/>
    <w:rsid w:val="003B17CC"/>
    <w:rsid w:val="003B2077"/>
    <w:rsid w:val="003B4996"/>
    <w:rsid w:val="003B7084"/>
    <w:rsid w:val="003C0FFE"/>
    <w:rsid w:val="003C36A7"/>
    <w:rsid w:val="003C3B3E"/>
    <w:rsid w:val="003C4DD1"/>
    <w:rsid w:val="003D2DE9"/>
    <w:rsid w:val="003D5A51"/>
    <w:rsid w:val="003D7A38"/>
    <w:rsid w:val="003E1BFE"/>
    <w:rsid w:val="003E58B9"/>
    <w:rsid w:val="003E5A71"/>
    <w:rsid w:val="00407454"/>
    <w:rsid w:val="004074D7"/>
    <w:rsid w:val="00410182"/>
    <w:rsid w:val="004104C4"/>
    <w:rsid w:val="004118FC"/>
    <w:rsid w:val="00411DEA"/>
    <w:rsid w:val="00412108"/>
    <w:rsid w:val="004127BB"/>
    <w:rsid w:val="00416A69"/>
    <w:rsid w:val="00420A63"/>
    <w:rsid w:val="00424C72"/>
    <w:rsid w:val="00426A93"/>
    <w:rsid w:val="0043003F"/>
    <w:rsid w:val="0043675F"/>
    <w:rsid w:val="004408C0"/>
    <w:rsid w:val="00441C8E"/>
    <w:rsid w:val="00441D71"/>
    <w:rsid w:val="00443776"/>
    <w:rsid w:val="00445293"/>
    <w:rsid w:val="00445880"/>
    <w:rsid w:val="00446CA8"/>
    <w:rsid w:val="00452DCF"/>
    <w:rsid w:val="00460C15"/>
    <w:rsid w:val="00461868"/>
    <w:rsid w:val="0046202E"/>
    <w:rsid w:val="00465E7C"/>
    <w:rsid w:val="00470832"/>
    <w:rsid w:val="00484EC2"/>
    <w:rsid w:val="00491E65"/>
    <w:rsid w:val="00492A98"/>
    <w:rsid w:val="00495F84"/>
    <w:rsid w:val="004A1680"/>
    <w:rsid w:val="004A1D07"/>
    <w:rsid w:val="004A3971"/>
    <w:rsid w:val="004A7278"/>
    <w:rsid w:val="004B194D"/>
    <w:rsid w:val="004B1FE5"/>
    <w:rsid w:val="004B2717"/>
    <w:rsid w:val="004B35FD"/>
    <w:rsid w:val="004B6BF3"/>
    <w:rsid w:val="004C1B17"/>
    <w:rsid w:val="004C3EC5"/>
    <w:rsid w:val="004C5536"/>
    <w:rsid w:val="004C7BB3"/>
    <w:rsid w:val="004D1DA9"/>
    <w:rsid w:val="004D2510"/>
    <w:rsid w:val="004F285A"/>
    <w:rsid w:val="004F4156"/>
    <w:rsid w:val="004F4363"/>
    <w:rsid w:val="005044CB"/>
    <w:rsid w:val="005229B4"/>
    <w:rsid w:val="0052736E"/>
    <w:rsid w:val="005368C2"/>
    <w:rsid w:val="00542C2A"/>
    <w:rsid w:val="00545C23"/>
    <w:rsid w:val="00547BB5"/>
    <w:rsid w:val="00550C11"/>
    <w:rsid w:val="00554449"/>
    <w:rsid w:val="00554D92"/>
    <w:rsid w:val="005553E5"/>
    <w:rsid w:val="00557017"/>
    <w:rsid w:val="00564C70"/>
    <w:rsid w:val="00564F29"/>
    <w:rsid w:val="0058359D"/>
    <w:rsid w:val="005839FF"/>
    <w:rsid w:val="005851F2"/>
    <w:rsid w:val="005857DB"/>
    <w:rsid w:val="00591388"/>
    <w:rsid w:val="00591F75"/>
    <w:rsid w:val="00596FDB"/>
    <w:rsid w:val="005A2787"/>
    <w:rsid w:val="005A6D07"/>
    <w:rsid w:val="005B0DE4"/>
    <w:rsid w:val="005B5348"/>
    <w:rsid w:val="005B7969"/>
    <w:rsid w:val="005C08B8"/>
    <w:rsid w:val="005C0B12"/>
    <w:rsid w:val="005C3924"/>
    <w:rsid w:val="005C66AD"/>
    <w:rsid w:val="005C66FC"/>
    <w:rsid w:val="005D4227"/>
    <w:rsid w:val="005D6A8B"/>
    <w:rsid w:val="005E0204"/>
    <w:rsid w:val="005E05EF"/>
    <w:rsid w:val="005E1241"/>
    <w:rsid w:val="005E1446"/>
    <w:rsid w:val="005E2A13"/>
    <w:rsid w:val="005E3B77"/>
    <w:rsid w:val="005E437C"/>
    <w:rsid w:val="005E7969"/>
    <w:rsid w:val="00601C8F"/>
    <w:rsid w:val="006026B1"/>
    <w:rsid w:val="0060788B"/>
    <w:rsid w:val="00612A86"/>
    <w:rsid w:val="00612C11"/>
    <w:rsid w:val="00613A13"/>
    <w:rsid w:val="006155BD"/>
    <w:rsid w:val="00622A66"/>
    <w:rsid w:val="006267B9"/>
    <w:rsid w:val="00631603"/>
    <w:rsid w:val="00633653"/>
    <w:rsid w:val="006401E7"/>
    <w:rsid w:val="00640CA5"/>
    <w:rsid w:val="00640E36"/>
    <w:rsid w:val="00641A9A"/>
    <w:rsid w:val="00644823"/>
    <w:rsid w:val="0064767C"/>
    <w:rsid w:val="00650898"/>
    <w:rsid w:val="006529A8"/>
    <w:rsid w:val="00663BEA"/>
    <w:rsid w:val="00671C18"/>
    <w:rsid w:val="006729D9"/>
    <w:rsid w:val="00672F76"/>
    <w:rsid w:val="0068412E"/>
    <w:rsid w:val="00685837"/>
    <w:rsid w:val="0069542F"/>
    <w:rsid w:val="006A620C"/>
    <w:rsid w:val="006B24C0"/>
    <w:rsid w:val="006C77C4"/>
    <w:rsid w:val="006D3534"/>
    <w:rsid w:val="006D3B92"/>
    <w:rsid w:val="006D4C40"/>
    <w:rsid w:val="006D718B"/>
    <w:rsid w:val="006E1DD0"/>
    <w:rsid w:val="006E7EA5"/>
    <w:rsid w:val="006F3469"/>
    <w:rsid w:val="006F70C0"/>
    <w:rsid w:val="0070428B"/>
    <w:rsid w:val="00713334"/>
    <w:rsid w:val="00714818"/>
    <w:rsid w:val="007153E6"/>
    <w:rsid w:val="0071614F"/>
    <w:rsid w:val="00723712"/>
    <w:rsid w:val="0072575B"/>
    <w:rsid w:val="007327C5"/>
    <w:rsid w:val="007329E7"/>
    <w:rsid w:val="0073473A"/>
    <w:rsid w:val="0073612C"/>
    <w:rsid w:val="007400E8"/>
    <w:rsid w:val="00744F4E"/>
    <w:rsid w:val="007459F5"/>
    <w:rsid w:val="00752BE6"/>
    <w:rsid w:val="00753790"/>
    <w:rsid w:val="00756CBA"/>
    <w:rsid w:val="00756D2E"/>
    <w:rsid w:val="00756DA2"/>
    <w:rsid w:val="00760540"/>
    <w:rsid w:val="007633B9"/>
    <w:rsid w:val="00766B02"/>
    <w:rsid w:val="00767FFE"/>
    <w:rsid w:val="00770E48"/>
    <w:rsid w:val="00776D2B"/>
    <w:rsid w:val="00780BC8"/>
    <w:rsid w:val="00782041"/>
    <w:rsid w:val="007841CA"/>
    <w:rsid w:val="00787854"/>
    <w:rsid w:val="00795C6C"/>
    <w:rsid w:val="007966C5"/>
    <w:rsid w:val="007A04B5"/>
    <w:rsid w:val="007A119B"/>
    <w:rsid w:val="007A5903"/>
    <w:rsid w:val="007A598B"/>
    <w:rsid w:val="007B03B8"/>
    <w:rsid w:val="007B17D5"/>
    <w:rsid w:val="007B7114"/>
    <w:rsid w:val="007C5F25"/>
    <w:rsid w:val="007D0A4E"/>
    <w:rsid w:val="007D4F65"/>
    <w:rsid w:val="007E3B91"/>
    <w:rsid w:val="007E3F84"/>
    <w:rsid w:val="007F16E4"/>
    <w:rsid w:val="007F5583"/>
    <w:rsid w:val="007F571D"/>
    <w:rsid w:val="007F612E"/>
    <w:rsid w:val="00800223"/>
    <w:rsid w:val="00802513"/>
    <w:rsid w:val="00805DD1"/>
    <w:rsid w:val="008101B1"/>
    <w:rsid w:val="008109E5"/>
    <w:rsid w:val="00813C87"/>
    <w:rsid w:val="0082284F"/>
    <w:rsid w:val="00823F36"/>
    <w:rsid w:val="00825D1E"/>
    <w:rsid w:val="00826254"/>
    <w:rsid w:val="008266F0"/>
    <w:rsid w:val="008427E0"/>
    <w:rsid w:val="00844863"/>
    <w:rsid w:val="008452B6"/>
    <w:rsid w:val="00847A80"/>
    <w:rsid w:val="00854D67"/>
    <w:rsid w:val="0085699D"/>
    <w:rsid w:val="00864916"/>
    <w:rsid w:val="00870297"/>
    <w:rsid w:val="0087235F"/>
    <w:rsid w:val="00873A01"/>
    <w:rsid w:val="00874C2E"/>
    <w:rsid w:val="008759D1"/>
    <w:rsid w:val="00876D56"/>
    <w:rsid w:val="00881377"/>
    <w:rsid w:val="0088549A"/>
    <w:rsid w:val="0088697C"/>
    <w:rsid w:val="00896A40"/>
    <w:rsid w:val="008A46F3"/>
    <w:rsid w:val="008B1C48"/>
    <w:rsid w:val="008B2F00"/>
    <w:rsid w:val="008B7953"/>
    <w:rsid w:val="008D682B"/>
    <w:rsid w:val="008D79C8"/>
    <w:rsid w:val="008E47E7"/>
    <w:rsid w:val="008F5DCF"/>
    <w:rsid w:val="00900F85"/>
    <w:rsid w:val="00902D57"/>
    <w:rsid w:val="00906E06"/>
    <w:rsid w:val="00910A3D"/>
    <w:rsid w:val="00911E5A"/>
    <w:rsid w:val="0091760F"/>
    <w:rsid w:val="00924FF0"/>
    <w:rsid w:val="00927D27"/>
    <w:rsid w:val="009422FE"/>
    <w:rsid w:val="009429BA"/>
    <w:rsid w:val="00952980"/>
    <w:rsid w:val="00957EE0"/>
    <w:rsid w:val="00961D52"/>
    <w:rsid w:val="00963B4F"/>
    <w:rsid w:val="00963F90"/>
    <w:rsid w:val="009806F0"/>
    <w:rsid w:val="00985CC0"/>
    <w:rsid w:val="009875DA"/>
    <w:rsid w:val="00995DD0"/>
    <w:rsid w:val="009A53BD"/>
    <w:rsid w:val="009A6A5E"/>
    <w:rsid w:val="009B28EA"/>
    <w:rsid w:val="009B5D43"/>
    <w:rsid w:val="009C0B72"/>
    <w:rsid w:val="009C3847"/>
    <w:rsid w:val="009C732F"/>
    <w:rsid w:val="009D4440"/>
    <w:rsid w:val="009D4872"/>
    <w:rsid w:val="009D66EC"/>
    <w:rsid w:val="009E2009"/>
    <w:rsid w:val="00A11202"/>
    <w:rsid w:val="00A25DE7"/>
    <w:rsid w:val="00A3185A"/>
    <w:rsid w:val="00A35E8F"/>
    <w:rsid w:val="00A4229C"/>
    <w:rsid w:val="00A45B84"/>
    <w:rsid w:val="00A542A1"/>
    <w:rsid w:val="00A613E9"/>
    <w:rsid w:val="00A61989"/>
    <w:rsid w:val="00A64C9F"/>
    <w:rsid w:val="00A65976"/>
    <w:rsid w:val="00A67F02"/>
    <w:rsid w:val="00A70DD9"/>
    <w:rsid w:val="00A72EBA"/>
    <w:rsid w:val="00A76546"/>
    <w:rsid w:val="00A767E3"/>
    <w:rsid w:val="00A8359D"/>
    <w:rsid w:val="00A87F2D"/>
    <w:rsid w:val="00A918C9"/>
    <w:rsid w:val="00A931CE"/>
    <w:rsid w:val="00A93AFD"/>
    <w:rsid w:val="00A94EE8"/>
    <w:rsid w:val="00A96094"/>
    <w:rsid w:val="00AA5005"/>
    <w:rsid w:val="00AB0B10"/>
    <w:rsid w:val="00AB4F05"/>
    <w:rsid w:val="00AB73E9"/>
    <w:rsid w:val="00AC027B"/>
    <w:rsid w:val="00AC03C0"/>
    <w:rsid w:val="00AC12C9"/>
    <w:rsid w:val="00AC60E6"/>
    <w:rsid w:val="00AC640C"/>
    <w:rsid w:val="00AC7DF6"/>
    <w:rsid w:val="00AD1BA3"/>
    <w:rsid w:val="00AD3AA3"/>
    <w:rsid w:val="00AE100E"/>
    <w:rsid w:val="00AE516C"/>
    <w:rsid w:val="00AF181C"/>
    <w:rsid w:val="00AF1AAE"/>
    <w:rsid w:val="00AF40DC"/>
    <w:rsid w:val="00AF5865"/>
    <w:rsid w:val="00AF5876"/>
    <w:rsid w:val="00B10914"/>
    <w:rsid w:val="00B13832"/>
    <w:rsid w:val="00B20DFA"/>
    <w:rsid w:val="00B31AF1"/>
    <w:rsid w:val="00B31F40"/>
    <w:rsid w:val="00B378A2"/>
    <w:rsid w:val="00B4019A"/>
    <w:rsid w:val="00B446C4"/>
    <w:rsid w:val="00B45B92"/>
    <w:rsid w:val="00B513FA"/>
    <w:rsid w:val="00B51A79"/>
    <w:rsid w:val="00B525B3"/>
    <w:rsid w:val="00B52A49"/>
    <w:rsid w:val="00B54C56"/>
    <w:rsid w:val="00B56F65"/>
    <w:rsid w:val="00B70384"/>
    <w:rsid w:val="00B721BD"/>
    <w:rsid w:val="00B73651"/>
    <w:rsid w:val="00B81AA4"/>
    <w:rsid w:val="00B90C21"/>
    <w:rsid w:val="00B9259F"/>
    <w:rsid w:val="00BA1E69"/>
    <w:rsid w:val="00BA3906"/>
    <w:rsid w:val="00BA6165"/>
    <w:rsid w:val="00BB1C50"/>
    <w:rsid w:val="00BB4A35"/>
    <w:rsid w:val="00BC0E3B"/>
    <w:rsid w:val="00BC3399"/>
    <w:rsid w:val="00BC54B0"/>
    <w:rsid w:val="00BD4EC2"/>
    <w:rsid w:val="00BD4EF7"/>
    <w:rsid w:val="00BE2267"/>
    <w:rsid w:val="00BF602B"/>
    <w:rsid w:val="00C01DF1"/>
    <w:rsid w:val="00C07382"/>
    <w:rsid w:val="00C1013A"/>
    <w:rsid w:val="00C148B6"/>
    <w:rsid w:val="00C23F89"/>
    <w:rsid w:val="00C24DD7"/>
    <w:rsid w:val="00C2583B"/>
    <w:rsid w:val="00C35D57"/>
    <w:rsid w:val="00C43E2C"/>
    <w:rsid w:val="00C51E21"/>
    <w:rsid w:val="00C52E52"/>
    <w:rsid w:val="00C60189"/>
    <w:rsid w:val="00C60F41"/>
    <w:rsid w:val="00C6474B"/>
    <w:rsid w:val="00C65BCF"/>
    <w:rsid w:val="00C71552"/>
    <w:rsid w:val="00C74511"/>
    <w:rsid w:val="00C74576"/>
    <w:rsid w:val="00C76F6B"/>
    <w:rsid w:val="00C77438"/>
    <w:rsid w:val="00C774EF"/>
    <w:rsid w:val="00C83D27"/>
    <w:rsid w:val="00C84BCA"/>
    <w:rsid w:val="00C90CA6"/>
    <w:rsid w:val="00C95FB9"/>
    <w:rsid w:val="00CA1D46"/>
    <w:rsid w:val="00CB3AF9"/>
    <w:rsid w:val="00CB3B1F"/>
    <w:rsid w:val="00CB5307"/>
    <w:rsid w:val="00CB7D06"/>
    <w:rsid w:val="00CB7D8B"/>
    <w:rsid w:val="00CC7F2B"/>
    <w:rsid w:val="00CD272A"/>
    <w:rsid w:val="00CD29EC"/>
    <w:rsid w:val="00CE0489"/>
    <w:rsid w:val="00CE246A"/>
    <w:rsid w:val="00CF3C7D"/>
    <w:rsid w:val="00D00C03"/>
    <w:rsid w:val="00D10180"/>
    <w:rsid w:val="00D12D39"/>
    <w:rsid w:val="00D153EE"/>
    <w:rsid w:val="00D209C2"/>
    <w:rsid w:val="00D3580D"/>
    <w:rsid w:val="00D40107"/>
    <w:rsid w:val="00D50A5B"/>
    <w:rsid w:val="00D57126"/>
    <w:rsid w:val="00D57627"/>
    <w:rsid w:val="00D66249"/>
    <w:rsid w:val="00D7200E"/>
    <w:rsid w:val="00D857A5"/>
    <w:rsid w:val="00D91EA2"/>
    <w:rsid w:val="00D9534F"/>
    <w:rsid w:val="00D964A7"/>
    <w:rsid w:val="00DA5583"/>
    <w:rsid w:val="00DB45A4"/>
    <w:rsid w:val="00DC7701"/>
    <w:rsid w:val="00DD0176"/>
    <w:rsid w:val="00DD0D9F"/>
    <w:rsid w:val="00DD37AB"/>
    <w:rsid w:val="00DD7C0E"/>
    <w:rsid w:val="00DE0DFC"/>
    <w:rsid w:val="00DE344B"/>
    <w:rsid w:val="00DE52EB"/>
    <w:rsid w:val="00DE5701"/>
    <w:rsid w:val="00E02D76"/>
    <w:rsid w:val="00E03E1A"/>
    <w:rsid w:val="00E078FB"/>
    <w:rsid w:val="00E10683"/>
    <w:rsid w:val="00E1272A"/>
    <w:rsid w:val="00E13203"/>
    <w:rsid w:val="00E134A2"/>
    <w:rsid w:val="00E171BC"/>
    <w:rsid w:val="00E20E7B"/>
    <w:rsid w:val="00E21295"/>
    <w:rsid w:val="00E21428"/>
    <w:rsid w:val="00E21A90"/>
    <w:rsid w:val="00E26403"/>
    <w:rsid w:val="00E26D28"/>
    <w:rsid w:val="00E30494"/>
    <w:rsid w:val="00E341B0"/>
    <w:rsid w:val="00E36F8D"/>
    <w:rsid w:val="00E414AE"/>
    <w:rsid w:val="00E437D4"/>
    <w:rsid w:val="00E4696E"/>
    <w:rsid w:val="00E47959"/>
    <w:rsid w:val="00E5666D"/>
    <w:rsid w:val="00E57FC1"/>
    <w:rsid w:val="00E765AE"/>
    <w:rsid w:val="00E76FD5"/>
    <w:rsid w:val="00E831CB"/>
    <w:rsid w:val="00E868CE"/>
    <w:rsid w:val="00E87B2D"/>
    <w:rsid w:val="00E90DA7"/>
    <w:rsid w:val="00E931BF"/>
    <w:rsid w:val="00E945DC"/>
    <w:rsid w:val="00E94AE1"/>
    <w:rsid w:val="00E953FD"/>
    <w:rsid w:val="00EA18B1"/>
    <w:rsid w:val="00EA2F7C"/>
    <w:rsid w:val="00EA46CD"/>
    <w:rsid w:val="00EA6600"/>
    <w:rsid w:val="00EB3BD6"/>
    <w:rsid w:val="00EC530D"/>
    <w:rsid w:val="00EC70BF"/>
    <w:rsid w:val="00ED1F3C"/>
    <w:rsid w:val="00ED3255"/>
    <w:rsid w:val="00ED43E4"/>
    <w:rsid w:val="00ED6A5B"/>
    <w:rsid w:val="00EE4C76"/>
    <w:rsid w:val="00EF08CC"/>
    <w:rsid w:val="00F01C04"/>
    <w:rsid w:val="00F01DE6"/>
    <w:rsid w:val="00F02092"/>
    <w:rsid w:val="00F1491B"/>
    <w:rsid w:val="00F17EC2"/>
    <w:rsid w:val="00F20157"/>
    <w:rsid w:val="00F21D24"/>
    <w:rsid w:val="00F22434"/>
    <w:rsid w:val="00F3432B"/>
    <w:rsid w:val="00F360CD"/>
    <w:rsid w:val="00F370E1"/>
    <w:rsid w:val="00F40B9F"/>
    <w:rsid w:val="00F40FB1"/>
    <w:rsid w:val="00F429E6"/>
    <w:rsid w:val="00F43E1B"/>
    <w:rsid w:val="00F46668"/>
    <w:rsid w:val="00F50B73"/>
    <w:rsid w:val="00F51F9B"/>
    <w:rsid w:val="00F565EC"/>
    <w:rsid w:val="00F56AE1"/>
    <w:rsid w:val="00F573A0"/>
    <w:rsid w:val="00F63D74"/>
    <w:rsid w:val="00F700AC"/>
    <w:rsid w:val="00F700CB"/>
    <w:rsid w:val="00F72637"/>
    <w:rsid w:val="00F74B3D"/>
    <w:rsid w:val="00F879A4"/>
    <w:rsid w:val="00F9091F"/>
    <w:rsid w:val="00FA411C"/>
    <w:rsid w:val="00FB019B"/>
    <w:rsid w:val="00FB38EE"/>
    <w:rsid w:val="00FB5418"/>
    <w:rsid w:val="00FC06F9"/>
    <w:rsid w:val="00FC0E3F"/>
    <w:rsid w:val="00FC5250"/>
    <w:rsid w:val="00FD1F03"/>
    <w:rsid w:val="00FE1BE1"/>
    <w:rsid w:val="00FE3B95"/>
    <w:rsid w:val="00FE3DC0"/>
    <w:rsid w:val="00FF30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ko-KR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706E9D1"/>
  <w15:docId w15:val="{5BF2C06B-031A-4AC8-9622-D3EB65A0251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/>
    <w:lsdException w:name="heading 2" w:semiHidden="1" w:uiPriority="9" w:unhideWhenUsed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next w:val="AONormal"/>
    <w:rsid w:val="00445880"/>
    <w:pPr>
      <w:spacing w:line="240" w:lineRule="auto"/>
    </w:pPr>
    <w:rPr>
      <w:rFonts w:cs="Times New Roman"/>
      <w:lang w:val="en-US"/>
    </w:rPr>
  </w:style>
  <w:style w:type="paragraph" w:styleId="Heading1">
    <w:name w:val="heading 1"/>
    <w:basedOn w:val="AOHeadings"/>
    <w:next w:val="AODocTxt"/>
    <w:link w:val="Heading1Char"/>
    <w:uiPriority w:val="9"/>
    <w:rsid w:val="004D2510"/>
    <w:pPr>
      <w:keepNext/>
      <w:outlineLvl w:val="0"/>
    </w:pPr>
    <w:rPr>
      <w:rFonts w:eastAsia="Times New Roman"/>
      <w:b/>
      <w:bCs/>
      <w:caps/>
      <w:szCs w:val="28"/>
    </w:rPr>
  </w:style>
  <w:style w:type="paragraph" w:styleId="Heading2">
    <w:name w:val="heading 2"/>
    <w:basedOn w:val="AOHeadings"/>
    <w:next w:val="AODocTxt"/>
    <w:link w:val="Heading2Char"/>
    <w:uiPriority w:val="9"/>
    <w:semiHidden/>
    <w:unhideWhenUsed/>
    <w:rsid w:val="004D2510"/>
    <w:pPr>
      <w:keepNext/>
      <w:outlineLvl w:val="1"/>
    </w:pPr>
    <w:rPr>
      <w:rFonts w:eastAsia="Times New Roman"/>
      <w:b/>
      <w:bCs/>
      <w:szCs w:val="26"/>
    </w:rPr>
  </w:style>
  <w:style w:type="paragraph" w:styleId="Heading3">
    <w:name w:val="heading 3"/>
    <w:basedOn w:val="AOHeadings"/>
    <w:next w:val="AODocTxt"/>
    <w:link w:val="Heading3Char"/>
    <w:uiPriority w:val="9"/>
    <w:semiHidden/>
    <w:unhideWhenUsed/>
    <w:qFormat/>
    <w:rsid w:val="004D2510"/>
    <w:pPr>
      <w:outlineLvl w:val="2"/>
    </w:pPr>
    <w:rPr>
      <w:rFonts w:eastAsia="Times New Roman"/>
      <w:bCs/>
    </w:rPr>
  </w:style>
  <w:style w:type="paragraph" w:styleId="Heading4">
    <w:name w:val="heading 4"/>
    <w:basedOn w:val="AOHeadings"/>
    <w:next w:val="AODocTxt"/>
    <w:link w:val="Heading4Char"/>
    <w:uiPriority w:val="9"/>
    <w:semiHidden/>
    <w:unhideWhenUsed/>
    <w:qFormat/>
    <w:rsid w:val="004D2510"/>
    <w:pPr>
      <w:outlineLvl w:val="3"/>
    </w:pPr>
    <w:rPr>
      <w:rFonts w:eastAsia="Times New Roman"/>
      <w:bCs/>
      <w:iCs/>
    </w:rPr>
  </w:style>
  <w:style w:type="paragraph" w:styleId="Heading5">
    <w:name w:val="heading 5"/>
    <w:basedOn w:val="AOHeadings"/>
    <w:next w:val="AODocTxt"/>
    <w:link w:val="Heading5Char"/>
    <w:uiPriority w:val="9"/>
    <w:semiHidden/>
    <w:unhideWhenUsed/>
    <w:qFormat/>
    <w:rsid w:val="004D2510"/>
    <w:pPr>
      <w:outlineLvl w:val="4"/>
    </w:pPr>
    <w:rPr>
      <w:rFonts w:eastAsia="Times New Roman"/>
    </w:rPr>
  </w:style>
  <w:style w:type="paragraph" w:styleId="Heading6">
    <w:name w:val="heading 6"/>
    <w:basedOn w:val="AOHeadings"/>
    <w:next w:val="AODocTxt"/>
    <w:link w:val="Heading6Char"/>
    <w:uiPriority w:val="9"/>
    <w:semiHidden/>
    <w:unhideWhenUsed/>
    <w:qFormat/>
    <w:rsid w:val="004D2510"/>
    <w:pPr>
      <w:outlineLvl w:val="5"/>
    </w:pPr>
    <w:rPr>
      <w:rFonts w:eastAsia="Times New Roman"/>
      <w:iCs/>
    </w:rPr>
  </w:style>
  <w:style w:type="paragraph" w:styleId="Heading7">
    <w:name w:val="heading 7"/>
    <w:basedOn w:val="AOHeadings"/>
    <w:next w:val="AODocTxt"/>
    <w:link w:val="Heading7Char"/>
    <w:uiPriority w:val="9"/>
    <w:semiHidden/>
    <w:unhideWhenUsed/>
    <w:qFormat/>
    <w:rsid w:val="004D2510"/>
    <w:pPr>
      <w:outlineLvl w:val="6"/>
    </w:pPr>
    <w:rPr>
      <w:rFonts w:eastAsia="Times New Roman"/>
      <w:iCs/>
    </w:rPr>
  </w:style>
  <w:style w:type="paragraph" w:styleId="Heading8">
    <w:name w:val="heading 8"/>
    <w:basedOn w:val="AOHeadings"/>
    <w:next w:val="AODocTxt"/>
    <w:link w:val="Heading8Char"/>
    <w:uiPriority w:val="9"/>
    <w:semiHidden/>
    <w:unhideWhenUsed/>
    <w:qFormat/>
    <w:rsid w:val="004D2510"/>
    <w:pPr>
      <w:outlineLvl w:val="7"/>
    </w:pPr>
    <w:rPr>
      <w:rFonts w:eastAsia="Times New Roman"/>
      <w:szCs w:val="20"/>
    </w:rPr>
  </w:style>
  <w:style w:type="paragraph" w:styleId="Heading9">
    <w:name w:val="heading 9"/>
    <w:basedOn w:val="AOHeadings"/>
    <w:next w:val="AODocTxt"/>
    <w:link w:val="Heading9Char"/>
    <w:uiPriority w:val="9"/>
    <w:semiHidden/>
    <w:qFormat/>
    <w:rsid w:val="004D2510"/>
    <w:pPr>
      <w:outlineLvl w:val="8"/>
    </w:pPr>
    <w:rPr>
      <w:rFonts w:eastAsia="Times New Roman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AONormal">
    <w:name w:val="AONormal"/>
    <w:qFormat/>
    <w:rsid w:val="004D2510"/>
    <w:rPr>
      <w:rFonts w:cs="Times New Roman"/>
      <w:lang w:val="en-US"/>
    </w:rPr>
  </w:style>
  <w:style w:type="paragraph" w:customStyle="1" w:styleId="AOBodyTxt">
    <w:name w:val="AOBodyTxt"/>
    <w:basedOn w:val="AONormal"/>
    <w:next w:val="AODocTxt"/>
    <w:rsid w:val="004D2510"/>
    <w:pPr>
      <w:spacing w:before="240"/>
      <w:jc w:val="both"/>
    </w:pPr>
  </w:style>
  <w:style w:type="paragraph" w:customStyle="1" w:styleId="AODocTxt">
    <w:name w:val="AODocTxt"/>
    <w:basedOn w:val="AOBodyTxt"/>
    <w:qFormat/>
    <w:rsid w:val="004D2510"/>
  </w:style>
  <w:style w:type="paragraph" w:customStyle="1" w:styleId="AODocTxtL1">
    <w:name w:val="AODocTxtL1"/>
    <w:basedOn w:val="AODocTxt"/>
    <w:rsid w:val="004D2510"/>
    <w:pPr>
      <w:ind w:left="720"/>
    </w:pPr>
  </w:style>
  <w:style w:type="paragraph" w:customStyle="1" w:styleId="AODocTxtL2">
    <w:name w:val="AODocTxtL2"/>
    <w:basedOn w:val="AODocTxt"/>
    <w:rsid w:val="004D2510"/>
    <w:pPr>
      <w:ind w:left="1440"/>
    </w:pPr>
  </w:style>
  <w:style w:type="paragraph" w:customStyle="1" w:styleId="AODocTxtL3">
    <w:name w:val="AODocTxtL3"/>
    <w:basedOn w:val="AODocTxt"/>
    <w:rsid w:val="004D2510"/>
    <w:pPr>
      <w:ind w:left="2160"/>
    </w:pPr>
  </w:style>
  <w:style w:type="paragraph" w:customStyle="1" w:styleId="AODocTxtL4">
    <w:name w:val="AODocTxtL4"/>
    <w:basedOn w:val="AODocTxt"/>
    <w:rsid w:val="004D2510"/>
    <w:pPr>
      <w:ind w:left="2880"/>
    </w:pPr>
  </w:style>
  <w:style w:type="paragraph" w:customStyle="1" w:styleId="AODocTxtL5">
    <w:name w:val="AODocTxtL5"/>
    <w:basedOn w:val="AODocTxt"/>
    <w:rsid w:val="004D2510"/>
    <w:pPr>
      <w:ind w:left="3600"/>
    </w:pPr>
  </w:style>
  <w:style w:type="paragraph" w:customStyle="1" w:styleId="AODocTxtL6">
    <w:name w:val="AODocTxtL6"/>
    <w:basedOn w:val="AODocTxt"/>
    <w:rsid w:val="004D2510"/>
    <w:pPr>
      <w:ind w:left="4320"/>
    </w:pPr>
  </w:style>
  <w:style w:type="paragraph" w:customStyle="1" w:styleId="AODocTxtL7">
    <w:name w:val="AODocTxtL7"/>
    <w:basedOn w:val="AODocTxt"/>
    <w:rsid w:val="004D2510"/>
    <w:pPr>
      <w:ind w:left="5040"/>
    </w:pPr>
  </w:style>
  <w:style w:type="paragraph" w:customStyle="1" w:styleId="AODocTxtL8">
    <w:name w:val="AODocTxtL8"/>
    <w:basedOn w:val="AODocTxt"/>
    <w:rsid w:val="004D2510"/>
    <w:pPr>
      <w:ind w:left="5760"/>
    </w:pPr>
  </w:style>
  <w:style w:type="paragraph" w:customStyle="1" w:styleId="AO1">
    <w:name w:val="AO(1)"/>
    <w:basedOn w:val="AOBodyTxt"/>
    <w:next w:val="AODocTxt"/>
    <w:rsid w:val="004D2510"/>
    <w:pPr>
      <w:numPr>
        <w:numId w:val="1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4D2510"/>
    <w:pPr>
      <w:numPr>
        <w:numId w:val="2"/>
      </w:numPr>
    </w:pPr>
  </w:style>
  <w:style w:type="paragraph" w:customStyle="1" w:styleId="AOHeadings">
    <w:name w:val="AOHeadings"/>
    <w:basedOn w:val="AOBodyTxt"/>
    <w:next w:val="AODocTxt"/>
    <w:rsid w:val="004D2510"/>
  </w:style>
  <w:style w:type="paragraph" w:customStyle="1" w:styleId="AOHead1">
    <w:name w:val="AOHead1"/>
    <w:basedOn w:val="AOHeadings"/>
    <w:next w:val="AODocTxtL1"/>
    <w:rsid w:val="004D2510"/>
    <w:pPr>
      <w:keepNext/>
      <w:numPr>
        <w:numId w:val="3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4D2510"/>
    <w:pPr>
      <w:keepNext/>
      <w:numPr>
        <w:ilvl w:val="1"/>
        <w:numId w:val="3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4D2510"/>
    <w:pPr>
      <w:numPr>
        <w:ilvl w:val="2"/>
        <w:numId w:val="3"/>
      </w:numPr>
      <w:outlineLvl w:val="2"/>
    </w:pPr>
  </w:style>
  <w:style w:type="paragraph" w:customStyle="1" w:styleId="AOHead4">
    <w:name w:val="AOHead4"/>
    <w:basedOn w:val="AOHeadings"/>
    <w:next w:val="AODocTxtL3"/>
    <w:rsid w:val="004D2510"/>
    <w:pPr>
      <w:numPr>
        <w:ilvl w:val="3"/>
        <w:numId w:val="3"/>
      </w:numPr>
      <w:outlineLvl w:val="3"/>
    </w:pPr>
  </w:style>
  <w:style w:type="paragraph" w:customStyle="1" w:styleId="AOHead5">
    <w:name w:val="AOHead5"/>
    <w:basedOn w:val="AOHeadings"/>
    <w:next w:val="AODocTxtL4"/>
    <w:rsid w:val="004D2510"/>
    <w:pPr>
      <w:numPr>
        <w:ilvl w:val="4"/>
        <w:numId w:val="3"/>
      </w:numPr>
      <w:outlineLvl w:val="4"/>
    </w:pPr>
  </w:style>
  <w:style w:type="paragraph" w:customStyle="1" w:styleId="AOHead6">
    <w:name w:val="AOHead6"/>
    <w:basedOn w:val="AOHeadings"/>
    <w:next w:val="AODocTxtL5"/>
    <w:rsid w:val="004D2510"/>
    <w:pPr>
      <w:numPr>
        <w:ilvl w:val="5"/>
        <w:numId w:val="3"/>
      </w:numPr>
      <w:outlineLvl w:val="5"/>
    </w:pPr>
  </w:style>
  <w:style w:type="paragraph" w:customStyle="1" w:styleId="AOAltHead1">
    <w:name w:val="AOAltHead1"/>
    <w:basedOn w:val="AOHead1"/>
    <w:next w:val="AODocTxtL1"/>
    <w:rsid w:val="004D2510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4D2510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rsid w:val="004D2510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rsid w:val="004D2510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4D2510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4D2510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4D2510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4D2510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4D2510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4D2510"/>
    <w:pPr>
      <w:keepNext/>
      <w:outlineLvl w:val="3"/>
    </w:pPr>
    <w:rPr>
      <w:i/>
    </w:rPr>
  </w:style>
  <w:style w:type="paragraph" w:styleId="Header">
    <w:name w:val="header"/>
    <w:basedOn w:val="Normal"/>
    <w:link w:val="HeaderChar"/>
    <w:uiPriority w:val="99"/>
    <w:unhideWhenUsed/>
    <w:rsid w:val="004D2510"/>
    <w:pPr>
      <w:tabs>
        <w:tab w:val="center" w:pos="4150"/>
        <w:tab w:val="right" w:pos="8306"/>
      </w:tabs>
    </w:pPr>
  </w:style>
  <w:style w:type="character" w:customStyle="1" w:styleId="HeaderChar">
    <w:name w:val="Header Char"/>
    <w:basedOn w:val="DefaultParagraphFont"/>
    <w:link w:val="Header"/>
    <w:uiPriority w:val="99"/>
    <w:rsid w:val="004D2510"/>
    <w:rPr>
      <w:rFonts w:cs="Times New Roman"/>
      <w:lang w:val="en-US"/>
    </w:rPr>
  </w:style>
  <w:style w:type="paragraph" w:styleId="Footer">
    <w:name w:val="footer"/>
    <w:basedOn w:val="Normal"/>
    <w:link w:val="FooterChar"/>
    <w:uiPriority w:val="99"/>
    <w:unhideWhenUsed/>
    <w:rsid w:val="004D2510"/>
    <w:pPr>
      <w:tabs>
        <w:tab w:val="center" w:pos="4150"/>
        <w:tab w:val="right" w:pos="8306"/>
      </w:tabs>
    </w:pPr>
  </w:style>
  <w:style w:type="character" w:customStyle="1" w:styleId="FooterChar">
    <w:name w:val="Footer Char"/>
    <w:basedOn w:val="DefaultParagraphFont"/>
    <w:link w:val="Footer"/>
    <w:uiPriority w:val="99"/>
    <w:rsid w:val="004D2510"/>
    <w:rPr>
      <w:rFonts w:cs="Times New Roman"/>
      <w:lang w:val="en-US"/>
    </w:rPr>
  </w:style>
  <w:style w:type="paragraph" w:customStyle="1" w:styleId="AOAttachments">
    <w:name w:val="AOAttachments"/>
    <w:basedOn w:val="AOBodyTxt"/>
    <w:next w:val="AODocTxt"/>
    <w:rsid w:val="004D2510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4D2510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4D2510"/>
  </w:style>
  <w:style w:type="paragraph" w:customStyle="1" w:styleId="AOAppHead">
    <w:name w:val="AOAppHead"/>
    <w:basedOn w:val="AOAttachments"/>
    <w:next w:val="AOAppTitle"/>
    <w:rsid w:val="004D2510"/>
    <w:pPr>
      <w:pageBreakBefore/>
      <w:numPr>
        <w:numId w:val="4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4D2510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4D2510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4D2510"/>
  </w:style>
  <w:style w:type="paragraph" w:customStyle="1" w:styleId="AOAnxHead">
    <w:name w:val="AOAnxHead"/>
    <w:basedOn w:val="AOAttachments"/>
    <w:next w:val="AOAnxTitle"/>
    <w:rsid w:val="004D2510"/>
    <w:pPr>
      <w:pageBreakBefore/>
      <w:numPr>
        <w:numId w:val="5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4D2510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4D2510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4D2510"/>
  </w:style>
  <w:style w:type="paragraph" w:customStyle="1" w:styleId="AOSchHead">
    <w:name w:val="AOSchHead"/>
    <w:basedOn w:val="AOAttachments"/>
    <w:next w:val="AOSchTitle"/>
    <w:rsid w:val="004D2510"/>
    <w:pPr>
      <w:pageBreakBefore/>
      <w:numPr>
        <w:numId w:val="6"/>
      </w:numPr>
      <w:tabs>
        <w:tab w:val="clear" w:pos="0"/>
      </w:tabs>
      <w:outlineLvl w:val="0"/>
    </w:pPr>
  </w:style>
  <w:style w:type="paragraph" w:customStyle="1" w:styleId="AOSchPartHead">
    <w:name w:val="AOSchPartHead"/>
    <w:basedOn w:val="AOSchHead"/>
    <w:next w:val="AOSchPartTitle"/>
    <w:rsid w:val="004D2510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4D2510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4D2510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4D2510"/>
    <w:pPr>
      <w:numPr>
        <w:numId w:val="8"/>
      </w:numPr>
      <w:tabs>
        <w:tab w:val="clear" w:pos="720"/>
      </w:tabs>
    </w:pPr>
  </w:style>
  <w:style w:type="paragraph" w:customStyle="1" w:styleId="AOBullet2">
    <w:name w:val="AOBullet2"/>
    <w:basedOn w:val="AOBullet"/>
    <w:rsid w:val="004D2510"/>
    <w:pPr>
      <w:numPr>
        <w:numId w:val="9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4D2510"/>
    <w:pPr>
      <w:numPr>
        <w:numId w:val="10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4D2510"/>
    <w:pPr>
      <w:numPr>
        <w:numId w:val="11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4D2510"/>
    <w:pPr>
      <w:keepNext/>
      <w:numPr>
        <w:numId w:val="12"/>
      </w:numPr>
    </w:pPr>
    <w:rPr>
      <w:b/>
      <w:caps/>
    </w:rPr>
  </w:style>
  <w:style w:type="paragraph" w:customStyle="1" w:styleId="AOGenNum1List">
    <w:name w:val="AOGenNum1List"/>
    <w:basedOn w:val="AOGenNum1"/>
    <w:rsid w:val="004D2510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4D2510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4D2510"/>
    <w:pPr>
      <w:keepNext/>
      <w:numPr>
        <w:numId w:val="13"/>
      </w:numPr>
    </w:pPr>
    <w:rPr>
      <w:b/>
    </w:rPr>
  </w:style>
  <w:style w:type="paragraph" w:customStyle="1" w:styleId="AOGenNum2List">
    <w:name w:val="AOGenNum2List"/>
    <w:basedOn w:val="AOGenNum2"/>
    <w:rsid w:val="004D2510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4D2510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rsid w:val="004D2510"/>
    <w:pPr>
      <w:numPr>
        <w:numId w:val="14"/>
      </w:numPr>
    </w:pPr>
  </w:style>
  <w:style w:type="paragraph" w:customStyle="1" w:styleId="AOGenNum3List">
    <w:name w:val="AOGenNum3List"/>
    <w:basedOn w:val="AOGenNum3"/>
    <w:rsid w:val="004D2510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4D2510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4D2510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TOC1"/>
    <w:rsid w:val="004D2510"/>
    <w:pPr>
      <w:tabs>
        <w:tab w:val="right" w:leader="dot" w:pos="9638"/>
      </w:tabs>
      <w:jc w:val="both"/>
    </w:pPr>
  </w:style>
  <w:style w:type="paragraph" w:styleId="TOC1">
    <w:name w:val="toc 1"/>
    <w:basedOn w:val="AOTOCs"/>
    <w:next w:val="AONormal"/>
    <w:autoRedefine/>
    <w:uiPriority w:val="39"/>
    <w:semiHidden/>
    <w:rsid w:val="004D2510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4D2510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4D2510"/>
    <w:pPr>
      <w:tabs>
        <w:tab w:val="left" w:pos="720"/>
      </w:tabs>
    </w:pPr>
  </w:style>
  <w:style w:type="paragraph" w:customStyle="1" w:styleId="AOTOC3">
    <w:name w:val="AOTOC3"/>
    <w:basedOn w:val="AOTOCs"/>
    <w:rsid w:val="004D2510"/>
    <w:pPr>
      <w:ind w:left="720"/>
    </w:pPr>
    <w:rPr>
      <w:b/>
    </w:rPr>
  </w:style>
  <w:style w:type="paragraph" w:customStyle="1" w:styleId="AOTOC4">
    <w:name w:val="AOTOC4"/>
    <w:basedOn w:val="AOTOCs"/>
    <w:rsid w:val="004D2510"/>
    <w:pPr>
      <w:ind w:left="720"/>
    </w:pPr>
  </w:style>
  <w:style w:type="paragraph" w:customStyle="1" w:styleId="AOTOC5">
    <w:name w:val="AOTOC5"/>
    <w:basedOn w:val="AOTOCs"/>
    <w:rsid w:val="004D2510"/>
    <w:pPr>
      <w:ind w:left="720"/>
    </w:pPr>
    <w:rPr>
      <w:i/>
    </w:rPr>
  </w:style>
  <w:style w:type="paragraph" w:styleId="TOC2">
    <w:name w:val="toc 2"/>
    <w:basedOn w:val="AOTOCs"/>
    <w:next w:val="AONormal"/>
    <w:autoRedefine/>
    <w:uiPriority w:val="39"/>
    <w:semiHidden/>
    <w:unhideWhenUsed/>
    <w:rsid w:val="004D2510"/>
    <w:pPr>
      <w:tabs>
        <w:tab w:val="left" w:pos="1797"/>
      </w:tabs>
      <w:ind w:left="1797" w:right="720" w:hanging="1077"/>
    </w:pPr>
  </w:style>
  <w:style w:type="paragraph" w:styleId="TOC3">
    <w:name w:val="toc 3"/>
    <w:basedOn w:val="AOTOCs"/>
    <w:next w:val="AONormal"/>
    <w:autoRedefine/>
    <w:uiPriority w:val="39"/>
    <w:semiHidden/>
    <w:unhideWhenUsed/>
    <w:rsid w:val="004D2510"/>
    <w:pPr>
      <w:numPr>
        <w:numId w:val="15"/>
      </w:numPr>
      <w:ind w:right="720"/>
    </w:pPr>
  </w:style>
  <w:style w:type="paragraph" w:styleId="TOC4">
    <w:name w:val="toc 4"/>
    <w:basedOn w:val="AOTOCs"/>
    <w:next w:val="AONormal"/>
    <w:autoRedefine/>
    <w:uiPriority w:val="39"/>
    <w:semiHidden/>
    <w:unhideWhenUsed/>
    <w:rsid w:val="004D2510"/>
    <w:pPr>
      <w:numPr>
        <w:ilvl w:val="1"/>
        <w:numId w:val="15"/>
      </w:numPr>
      <w:tabs>
        <w:tab w:val="left" w:pos="1797"/>
      </w:tabs>
      <w:ind w:right="720"/>
    </w:pPr>
  </w:style>
  <w:style w:type="paragraph" w:styleId="TOC5">
    <w:name w:val="toc 5"/>
    <w:basedOn w:val="AOTOCs"/>
    <w:next w:val="AONormal"/>
    <w:autoRedefine/>
    <w:uiPriority w:val="39"/>
    <w:semiHidden/>
    <w:unhideWhenUsed/>
    <w:rsid w:val="004D2510"/>
    <w:pPr>
      <w:spacing w:before="240"/>
    </w:pPr>
  </w:style>
  <w:style w:type="paragraph" w:styleId="TOC6">
    <w:name w:val="toc 6"/>
    <w:basedOn w:val="AOTOCs"/>
    <w:next w:val="AONormal"/>
    <w:autoRedefine/>
    <w:uiPriority w:val="39"/>
    <w:semiHidden/>
    <w:unhideWhenUsed/>
    <w:rsid w:val="004D2510"/>
    <w:pPr>
      <w:numPr>
        <w:numId w:val="16"/>
      </w:numPr>
      <w:ind w:right="720"/>
    </w:pPr>
  </w:style>
  <w:style w:type="paragraph" w:styleId="TOC7">
    <w:name w:val="toc 7"/>
    <w:basedOn w:val="AOTOCs"/>
    <w:next w:val="AONormal"/>
    <w:autoRedefine/>
    <w:uiPriority w:val="39"/>
    <w:semiHidden/>
    <w:unhideWhenUsed/>
    <w:rsid w:val="004D2510"/>
    <w:pPr>
      <w:numPr>
        <w:ilvl w:val="1"/>
        <w:numId w:val="16"/>
      </w:numPr>
      <w:tabs>
        <w:tab w:val="left" w:pos="1797"/>
      </w:tabs>
      <w:ind w:right="720"/>
    </w:pPr>
  </w:style>
  <w:style w:type="paragraph" w:styleId="TOC8">
    <w:name w:val="toc 8"/>
    <w:basedOn w:val="AOTOCs"/>
    <w:next w:val="AONormal"/>
    <w:autoRedefine/>
    <w:uiPriority w:val="39"/>
    <w:semiHidden/>
    <w:unhideWhenUsed/>
    <w:rsid w:val="004D2510"/>
    <w:pPr>
      <w:numPr>
        <w:numId w:val="17"/>
      </w:numPr>
      <w:ind w:right="720"/>
    </w:pPr>
  </w:style>
  <w:style w:type="paragraph" w:styleId="TOC9">
    <w:name w:val="toc 9"/>
    <w:basedOn w:val="AOTOCs"/>
    <w:next w:val="AONormal"/>
    <w:autoRedefine/>
    <w:uiPriority w:val="39"/>
    <w:semiHidden/>
    <w:unhideWhenUsed/>
    <w:rsid w:val="004D2510"/>
    <w:pPr>
      <w:numPr>
        <w:ilvl w:val="1"/>
        <w:numId w:val="17"/>
      </w:numPr>
      <w:tabs>
        <w:tab w:val="left" w:pos="1797"/>
      </w:tabs>
      <w:ind w:right="720"/>
    </w:pPr>
  </w:style>
  <w:style w:type="paragraph" w:styleId="FootnoteText">
    <w:name w:val="footnote text"/>
    <w:basedOn w:val="AONormal"/>
    <w:link w:val="FootnoteTextChar"/>
    <w:uiPriority w:val="99"/>
    <w:unhideWhenUsed/>
    <w:rsid w:val="004D2510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4D2510"/>
    <w:rPr>
      <w:rFonts w:cs="Times New Roman"/>
      <w:sz w:val="16"/>
      <w:szCs w:val="20"/>
      <w:lang w:val="en-US"/>
    </w:rPr>
  </w:style>
  <w:style w:type="paragraph" w:customStyle="1" w:styleId="AOFPBP">
    <w:name w:val="AOFPBP"/>
    <w:basedOn w:val="AONormal"/>
    <w:next w:val="AOFPTxt"/>
    <w:rsid w:val="004D2510"/>
    <w:pPr>
      <w:jc w:val="center"/>
    </w:pPr>
  </w:style>
  <w:style w:type="paragraph" w:customStyle="1" w:styleId="AOFPTxt">
    <w:name w:val="AOFPTxt"/>
    <w:basedOn w:val="AOFPBP"/>
    <w:rsid w:val="004D2510"/>
    <w:rPr>
      <w:b/>
    </w:rPr>
  </w:style>
  <w:style w:type="paragraph" w:customStyle="1" w:styleId="AOBPTitle">
    <w:name w:val="AOBPTitle"/>
    <w:basedOn w:val="AOFPBP"/>
    <w:rsid w:val="004D2510"/>
    <w:rPr>
      <w:b/>
      <w:caps/>
    </w:rPr>
  </w:style>
  <w:style w:type="paragraph" w:customStyle="1" w:styleId="AOBPTxtC">
    <w:name w:val="AOBPTxtC"/>
    <w:basedOn w:val="AOFPBP"/>
    <w:rsid w:val="004D2510"/>
  </w:style>
  <w:style w:type="paragraph" w:customStyle="1" w:styleId="AOBPTxtL">
    <w:name w:val="AOBPTxtL"/>
    <w:basedOn w:val="AOFPBP"/>
    <w:rsid w:val="004D2510"/>
    <w:pPr>
      <w:jc w:val="left"/>
    </w:pPr>
  </w:style>
  <w:style w:type="paragraph" w:customStyle="1" w:styleId="AOBPTxtR">
    <w:name w:val="AOBPTxtR"/>
    <w:basedOn w:val="AOFPBP"/>
    <w:rsid w:val="004D2510"/>
    <w:pPr>
      <w:jc w:val="right"/>
    </w:pPr>
  </w:style>
  <w:style w:type="paragraph" w:customStyle="1" w:styleId="AOLocation">
    <w:name w:val="AOLocation"/>
    <w:basedOn w:val="AOFPBP"/>
    <w:rsid w:val="004D2510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4D2510"/>
    <w:rPr>
      <w:caps/>
    </w:rPr>
  </w:style>
  <w:style w:type="paragraph" w:customStyle="1" w:styleId="AOFPTitle">
    <w:name w:val="AOFPTitle"/>
    <w:basedOn w:val="AOFPTxt"/>
    <w:rsid w:val="004D2510"/>
    <w:rPr>
      <w:caps/>
      <w:sz w:val="32"/>
    </w:rPr>
  </w:style>
  <w:style w:type="paragraph" w:customStyle="1" w:styleId="AOFPDate">
    <w:name w:val="AOFPDate"/>
    <w:basedOn w:val="AOFPTxt"/>
    <w:rsid w:val="004D2510"/>
    <w:rPr>
      <w:caps/>
    </w:rPr>
  </w:style>
  <w:style w:type="paragraph" w:customStyle="1" w:styleId="AOFPCopyright">
    <w:name w:val="AOFPCopyright"/>
    <w:basedOn w:val="AOFPTxt"/>
    <w:rsid w:val="004D2510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4D2510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4D2510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4D2510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4D2510"/>
    <w:rPr>
      <w:sz w:val="20"/>
    </w:rPr>
  </w:style>
  <w:style w:type="paragraph" w:customStyle="1" w:styleId="AONormal8L">
    <w:name w:val="AONormal8L"/>
    <w:basedOn w:val="AONormal"/>
    <w:rsid w:val="00554D92"/>
    <w:pPr>
      <w:tabs>
        <w:tab w:val="left" w:pos="1417"/>
      </w:tabs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4D2510"/>
    <w:rPr>
      <w:b/>
    </w:rPr>
  </w:style>
  <w:style w:type="paragraph" w:customStyle="1" w:styleId="AONormal8C">
    <w:name w:val="AONormal8C"/>
    <w:basedOn w:val="AONormal8L"/>
    <w:rsid w:val="004D2510"/>
    <w:pPr>
      <w:jc w:val="center"/>
    </w:pPr>
  </w:style>
  <w:style w:type="paragraph" w:customStyle="1" w:styleId="AONormal8R">
    <w:name w:val="AONormal8R"/>
    <w:basedOn w:val="AONormal8L"/>
    <w:rsid w:val="004D2510"/>
    <w:pPr>
      <w:jc w:val="right"/>
    </w:pPr>
  </w:style>
  <w:style w:type="paragraph" w:customStyle="1" w:styleId="AONormalBold">
    <w:name w:val="AONormalBold"/>
    <w:basedOn w:val="AONormal"/>
    <w:qFormat/>
    <w:rsid w:val="004D2510"/>
    <w:rPr>
      <w:b/>
    </w:rPr>
  </w:style>
  <w:style w:type="paragraph" w:customStyle="1" w:styleId="AONormal6L">
    <w:name w:val="AONormal6L"/>
    <w:basedOn w:val="AONormal8L"/>
    <w:rsid w:val="005E437C"/>
    <w:pPr>
      <w:spacing w:line="160" w:lineRule="atLeast"/>
      <w:jc w:val="both"/>
    </w:pPr>
    <w:rPr>
      <w:noProof/>
      <w:sz w:val="12"/>
    </w:rPr>
  </w:style>
  <w:style w:type="paragraph" w:customStyle="1" w:styleId="AONormal6C">
    <w:name w:val="AONormal6C"/>
    <w:basedOn w:val="AONormal6L"/>
    <w:rsid w:val="004D2510"/>
    <w:pPr>
      <w:jc w:val="center"/>
    </w:pPr>
  </w:style>
  <w:style w:type="paragraph" w:customStyle="1" w:styleId="AONormal6R">
    <w:name w:val="AONormal6R"/>
    <w:basedOn w:val="AONormal6L"/>
    <w:rsid w:val="004D2510"/>
    <w:pPr>
      <w:jc w:val="right"/>
    </w:pPr>
  </w:style>
  <w:style w:type="paragraph" w:customStyle="1" w:styleId="AOTitle18">
    <w:name w:val="AOTitle18"/>
    <w:basedOn w:val="AONormal"/>
    <w:rsid w:val="004D2510"/>
    <w:rPr>
      <w:b/>
      <w:sz w:val="36"/>
    </w:rPr>
  </w:style>
  <w:style w:type="paragraph" w:customStyle="1" w:styleId="AOSignatory">
    <w:name w:val="AOSignatory"/>
    <w:basedOn w:val="AOBodyTxt"/>
    <w:next w:val="AODocTxt"/>
    <w:rsid w:val="004D2510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4D2510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4D2510"/>
    <w:pPr>
      <w:spacing w:before="240"/>
      <w:jc w:val="both"/>
    </w:pPr>
    <w:rPr>
      <w:vanish/>
    </w:rPr>
  </w:style>
  <w:style w:type="paragraph" w:styleId="CommentText">
    <w:name w:val="annotation text"/>
    <w:basedOn w:val="AONormal"/>
    <w:link w:val="CommentTextChar"/>
    <w:uiPriority w:val="99"/>
    <w:semiHidden/>
    <w:unhideWhenUsed/>
    <w:rsid w:val="004D2510"/>
    <w:pPr>
      <w:spacing w:line="240" w:lineRule="auto"/>
    </w:pPr>
    <w:rPr>
      <w:sz w:val="16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4D2510"/>
    <w:rPr>
      <w:rFonts w:cs="Times New Roman"/>
      <w:sz w:val="16"/>
      <w:szCs w:val="20"/>
      <w:lang w:val="en-US"/>
    </w:rPr>
  </w:style>
  <w:style w:type="paragraph" w:styleId="EndnoteText">
    <w:name w:val="endnote text"/>
    <w:basedOn w:val="AONormal"/>
    <w:link w:val="EndnoteTextChar"/>
    <w:uiPriority w:val="99"/>
    <w:semiHidden/>
    <w:unhideWhenUsed/>
    <w:rsid w:val="004D2510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4D2510"/>
    <w:rPr>
      <w:rFonts w:cs="Times New Roman"/>
      <w:sz w:val="16"/>
      <w:szCs w:val="20"/>
      <w:lang w:val="en-US"/>
    </w:rPr>
  </w:style>
  <w:style w:type="character" w:customStyle="1" w:styleId="Heading1Char">
    <w:name w:val="Heading 1 Char"/>
    <w:basedOn w:val="DefaultParagraphFont"/>
    <w:link w:val="Heading1"/>
    <w:uiPriority w:val="9"/>
    <w:rsid w:val="004D2510"/>
    <w:rPr>
      <w:rFonts w:eastAsia="Times New Roman" w:cs="Times New Roman"/>
      <w:b/>
      <w:bCs/>
      <w:caps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4D2510"/>
    <w:rPr>
      <w:rFonts w:eastAsia="Times New Roman" w:cs="Times New Roman"/>
      <w:b/>
      <w:bCs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4D2510"/>
    <w:rPr>
      <w:rFonts w:eastAsia="Times New Roman" w:cs="Times New Roman"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4D2510"/>
    <w:rPr>
      <w:rFonts w:eastAsia="Times New Roman" w:cs="Times New Roman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4D2510"/>
    <w:rPr>
      <w:rFonts w:eastAsia="Times New Roman" w:cs="Times New Roman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4D2510"/>
    <w:rPr>
      <w:rFonts w:eastAsia="Times New Roman" w:cs="Times New Roman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4D2510"/>
    <w:rPr>
      <w:rFonts w:eastAsia="Times New Roman" w:cs="Times New Roman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4D2510"/>
    <w:rPr>
      <w:rFonts w:eastAsia="Times New Roman" w:cs="Times New Roman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554D92"/>
    <w:rPr>
      <w:rFonts w:eastAsia="Times New Roman" w:cs="Times New Roman"/>
      <w:iCs/>
      <w:szCs w:val="20"/>
      <w:lang w:val="en-US"/>
    </w:rPr>
  </w:style>
  <w:style w:type="paragraph" w:styleId="TOAHeading">
    <w:name w:val="toa heading"/>
    <w:basedOn w:val="AONormal"/>
    <w:next w:val="TableofAuthorities"/>
    <w:uiPriority w:val="99"/>
    <w:semiHidden/>
    <w:unhideWhenUsed/>
    <w:rsid w:val="004D2510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TableofAuthorities">
    <w:name w:val="table of authorities"/>
    <w:basedOn w:val="AONormal"/>
    <w:uiPriority w:val="99"/>
    <w:semiHidden/>
    <w:unhideWhenUsed/>
    <w:rsid w:val="004D2510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EnvelopeAddress">
    <w:name w:val="envelope address"/>
    <w:basedOn w:val="Normal"/>
    <w:uiPriority w:val="99"/>
    <w:semiHidden/>
    <w:unhideWhenUsed/>
    <w:rsid w:val="004D2510"/>
    <w:pPr>
      <w:framePr w:w="7920" w:h="1980" w:hRule="exact" w:hSpace="180" w:wrap="auto" w:hAnchor="page" w:xAlign="center" w:yAlign="bottom"/>
      <w:ind w:left="2880"/>
    </w:pPr>
    <w:rPr>
      <w:rFonts w:eastAsia="Times New Roman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4D2510"/>
    <w:rPr>
      <w:rFonts w:eastAsia="Times New Roman"/>
      <w:sz w:val="20"/>
      <w:szCs w:val="20"/>
    </w:rPr>
  </w:style>
  <w:style w:type="paragraph" w:customStyle="1" w:styleId="AOListNumber">
    <w:name w:val="AOListNumber"/>
    <w:basedOn w:val="AOBodyTxt"/>
    <w:rsid w:val="004D2510"/>
    <w:pPr>
      <w:numPr>
        <w:numId w:val="18"/>
      </w:numPr>
      <w:tabs>
        <w:tab w:val="clear" w:pos="720"/>
      </w:tabs>
    </w:pPr>
  </w:style>
  <w:style w:type="table" w:styleId="TableGrid">
    <w:name w:val="Table Grid"/>
    <w:basedOn w:val="TableNormal"/>
    <w:uiPriority w:val="59"/>
    <w:rsid w:val="00A613E9"/>
    <w:pPr>
      <w:spacing w:line="240" w:lineRule="auto"/>
    </w:pPr>
    <w:tblPr>
      <w:tblCellMar>
        <w:left w:w="0" w:type="dxa"/>
        <w:right w:w="0" w:type="dxa"/>
      </w:tblCellMar>
    </w:tblPr>
  </w:style>
  <w:style w:type="character" w:styleId="PlaceholderText">
    <w:name w:val="Placeholder Text"/>
    <w:basedOn w:val="DefaultParagraphFont"/>
    <w:uiPriority w:val="99"/>
    <w:semiHidden/>
    <w:rsid w:val="00A96094"/>
    <w:rPr>
      <w:color w:val="808080"/>
      <w:lang w:val="en-US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A96094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96094"/>
    <w:rPr>
      <w:rFonts w:ascii="Tahoma" w:hAnsi="Tahoma" w:cs="Tahoma"/>
      <w:sz w:val="16"/>
      <w:szCs w:val="16"/>
      <w:lang w:val="en-US"/>
    </w:rPr>
  </w:style>
  <w:style w:type="paragraph" w:styleId="ListBullet">
    <w:name w:val="List Bullet"/>
    <w:basedOn w:val="Normal"/>
    <w:uiPriority w:val="99"/>
    <w:semiHidden/>
    <w:unhideWhenUsed/>
    <w:rsid w:val="0068412E"/>
    <w:pPr>
      <w:tabs>
        <w:tab w:val="num" w:pos="720"/>
      </w:tabs>
      <w:ind w:left="720" w:hanging="720"/>
      <w:contextualSpacing/>
    </w:pPr>
  </w:style>
  <w:style w:type="paragraph" w:styleId="ListNumber">
    <w:name w:val="List Number"/>
    <w:basedOn w:val="Normal"/>
    <w:uiPriority w:val="99"/>
    <w:semiHidden/>
    <w:unhideWhenUsed/>
    <w:rsid w:val="0068412E"/>
    <w:pPr>
      <w:tabs>
        <w:tab w:val="num" w:pos="720"/>
      </w:tabs>
      <w:ind w:left="720" w:hanging="720"/>
      <w:contextualSpacing/>
    </w:pPr>
  </w:style>
  <w:style w:type="character" w:styleId="FootnoteReference">
    <w:name w:val="footnote reference"/>
    <w:basedOn w:val="DefaultParagraphFont"/>
    <w:uiPriority w:val="99"/>
    <w:semiHidden/>
    <w:unhideWhenUsed/>
    <w:rsid w:val="00927D27"/>
    <w:rPr>
      <w:vertAlign w:val="superscript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642529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24241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18938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00326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0056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00957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6690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3851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0519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14446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01238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93875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27319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3658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3416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08657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2.xml"/><Relationship Id="rId13" Type="http://schemas.openxmlformats.org/officeDocument/2006/relationships/fontTable" Target="fontTable.xml"/><Relationship Id="rId3" Type="http://schemas.openxmlformats.org/officeDocument/2006/relationships/settings" Target="settings.xml"/><Relationship Id="rId7" Type="http://schemas.openxmlformats.org/officeDocument/2006/relationships/header" Target="header1.xml"/><Relationship Id="rId12" Type="http://schemas.openxmlformats.org/officeDocument/2006/relationships/footer" Target="footer3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11" Type="http://schemas.openxmlformats.org/officeDocument/2006/relationships/header" Target="header3.xml"/><Relationship Id="rId5" Type="http://schemas.openxmlformats.org/officeDocument/2006/relationships/footnotes" Target="footnotes.xml"/><Relationship Id="rId15" Type="http://schemas.openxmlformats.org/officeDocument/2006/relationships/theme" Target="theme/theme1.xml"/><Relationship Id="rId10" Type="http://schemas.openxmlformats.org/officeDocument/2006/relationships/footer" Target="footer2.xml"/><Relationship Id="rId4" Type="http://schemas.openxmlformats.org/officeDocument/2006/relationships/webSettings" Target="webSettings.xml"/><Relationship Id="rId9" Type="http://schemas.openxmlformats.org/officeDocument/2006/relationships/footer" Target="footer1.xml"/><Relationship Id="rId14" Type="http://schemas.openxmlformats.org/officeDocument/2006/relationships/glossaryDocument" Target="glossary/document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4D7006666E9C4FA0B7D3FE999FE11D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614C7B5-0875-4C5F-B10B-591D91F8E9D7}"/>
      </w:docPartPr>
      <w:docPartBody>
        <w:p w:rsidR="00227901" w:rsidRDefault="00CA6DEA" w:rsidP="00CA6DEA">
          <w:pPr>
            <w:pStyle w:val="4D7006666E9C4FA0B7D3FE999FE11D6A"/>
          </w:pPr>
          <w:r w:rsidRPr="00965A00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464955D885446FAA9515B203A0F1BE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62120FE-24DA-40C3-899D-360EE53F5445}"/>
      </w:docPartPr>
      <w:docPartBody>
        <w:p w:rsidR="003B29EA" w:rsidRDefault="003E6052" w:rsidP="003E6052">
          <w:pPr>
            <w:pStyle w:val="1464955D885446FAA9515B203A0F1BE531"/>
          </w:pPr>
          <w:r w:rsidRPr="00A953FA">
            <w:rPr>
              <w:rStyle w:val="PlaceholderText"/>
            </w:rPr>
            <w:t xml:space="preserve"> </w:t>
          </w:r>
        </w:p>
      </w:docPartBody>
    </w:docPart>
    <w:docPart>
      <w:docPartPr>
        <w:name w:val="006B29FD99D842839FBF888BF86C85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23ACA0-A990-4C19-B42E-203820DB1516}"/>
      </w:docPartPr>
      <w:docPartBody>
        <w:p w:rsidR="00A41D04" w:rsidRDefault="003E6052" w:rsidP="003E6052">
          <w:pPr>
            <w:pStyle w:val="006B29FD99D842839FBF888BF86C85259"/>
          </w:pPr>
          <w:r>
            <w:rPr>
              <w:rStyle w:val="PlaceholderText"/>
            </w:rPr>
            <w:t xml:space="preserve"> </w:t>
          </w:r>
        </w:p>
      </w:docPartBody>
    </w:docPart>
    <w:docPart>
      <w:docPartPr>
        <w:name w:val="7ED8357C03E2402D8091C97F60DC1BB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BD6D931-BD15-4C12-8F38-D16BDEDCC524}"/>
      </w:docPartPr>
      <w:docPartBody>
        <w:p w:rsidR="00A41D04" w:rsidRDefault="00D65E21" w:rsidP="00D65E21">
          <w:pPr>
            <w:pStyle w:val="7ED8357C03E2402D8091C97F60DC1BBA"/>
          </w:pPr>
          <w:r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 Bold">
    <w:altName w:val="Times New Roman"/>
    <w:panose1 w:val="020B0604020202020204"/>
    <w:charset w:val="00"/>
    <w:family w:val="roman"/>
    <w:notTrueType/>
    <w:pitch w:val="default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algun Gothic">
    <w:panose1 w:val="020B0503020000020004"/>
    <w:charset w:val="81"/>
    <w:family w:val="swiss"/>
    <w:pitch w:val="variable"/>
    <w:sig w:usb0="9000002F" w:usb1="29D77CFB" w:usb2="00000012" w:usb3="00000000" w:csb0="0008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515242"/>
    <w:rsid w:val="0000219B"/>
    <w:rsid w:val="000041C4"/>
    <w:rsid w:val="000062EA"/>
    <w:rsid w:val="0001765D"/>
    <w:rsid w:val="00030ABB"/>
    <w:rsid w:val="00040041"/>
    <w:rsid w:val="000526AB"/>
    <w:rsid w:val="00057E4F"/>
    <w:rsid w:val="00072D3F"/>
    <w:rsid w:val="000755D7"/>
    <w:rsid w:val="00077BA8"/>
    <w:rsid w:val="00094534"/>
    <w:rsid w:val="00094DDF"/>
    <w:rsid w:val="000A1139"/>
    <w:rsid w:val="000C4CAA"/>
    <w:rsid w:val="000D4745"/>
    <w:rsid w:val="000D4C09"/>
    <w:rsid w:val="000F2E87"/>
    <w:rsid w:val="0010173C"/>
    <w:rsid w:val="00115AF3"/>
    <w:rsid w:val="00131D2E"/>
    <w:rsid w:val="001362A4"/>
    <w:rsid w:val="00146592"/>
    <w:rsid w:val="001616A2"/>
    <w:rsid w:val="00163622"/>
    <w:rsid w:val="00164768"/>
    <w:rsid w:val="00165253"/>
    <w:rsid w:val="00171616"/>
    <w:rsid w:val="00177B19"/>
    <w:rsid w:val="00181FF9"/>
    <w:rsid w:val="001935B1"/>
    <w:rsid w:val="001A19CC"/>
    <w:rsid w:val="001C2B1E"/>
    <w:rsid w:val="001D3161"/>
    <w:rsid w:val="001E1EFD"/>
    <w:rsid w:val="001E20F7"/>
    <w:rsid w:val="001E670B"/>
    <w:rsid w:val="001F172C"/>
    <w:rsid w:val="0020100A"/>
    <w:rsid w:val="00210613"/>
    <w:rsid w:val="00216D80"/>
    <w:rsid w:val="00223AA0"/>
    <w:rsid w:val="0022672D"/>
    <w:rsid w:val="00227901"/>
    <w:rsid w:val="0023489B"/>
    <w:rsid w:val="0023555B"/>
    <w:rsid w:val="00237628"/>
    <w:rsid w:val="0024249E"/>
    <w:rsid w:val="00246453"/>
    <w:rsid w:val="00246A1D"/>
    <w:rsid w:val="00276FE8"/>
    <w:rsid w:val="00277F31"/>
    <w:rsid w:val="0028388B"/>
    <w:rsid w:val="00284902"/>
    <w:rsid w:val="002870C0"/>
    <w:rsid w:val="0029588A"/>
    <w:rsid w:val="00297F97"/>
    <w:rsid w:val="002A6A67"/>
    <w:rsid w:val="002B76DA"/>
    <w:rsid w:val="002C7D5D"/>
    <w:rsid w:val="002D4D2E"/>
    <w:rsid w:val="002D75EA"/>
    <w:rsid w:val="002F0847"/>
    <w:rsid w:val="00315477"/>
    <w:rsid w:val="00332513"/>
    <w:rsid w:val="00352C8E"/>
    <w:rsid w:val="003729F5"/>
    <w:rsid w:val="003732DE"/>
    <w:rsid w:val="00380DC2"/>
    <w:rsid w:val="00393BDF"/>
    <w:rsid w:val="00394B01"/>
    <w:rsid w:val="00397A4B"/>
    <w:rsid w:val="003A0918"/>
    <w:rsid w:val="003A6009"/>
    <w:rsid w:val="003B29EA"/>
    <w:rsid w:val="003B52CA"/>
    <w:rsid w:val="003B7999"/>
    <w:rsid w:val="003C1CEF"/>
    <w:rsid w:val="003D7052"/>
    <w:rsid w:val="003D7B42"/>
    <w:rsid w:val="003D7B4F"/>
    <w:rsid w:val="003E55CB"/>
    <w:rsid w:val="003E6052"/>
    <w:rsid w:val="003F609A"/>
    <w:rsid w:val="00401C2B"/>
    <w:rsid w:val="0040467D"/>
    <w:rsid w:val="0041197B"/>
    <w:rsid w:val="00412CAA"/>
    <w:rsid w:val="00420B1D"/>
    <w:rsid w:val="00423215"/>
    <w:rsid w:val="00427CE5"/>
    <w:rsid w:val="004318E2"/>
    <w:rsid w:val="0043711E"/>
    <w:rsid w:val="00437F58"/>
    <w:rsid w:val="00443F8F"/>
    <w:rsid w:val="00444879"/>
    <w:rsid w:val="00446133"/>
    <w:rsid w:val="00450076"/>
    <w:rsid w:val="00453E11"/>
    <w:rsid w:val="0045776B"/>
    <w:rsid w:val="00466D03"/>
    <w:rsid w:val="00466E4E"/>
    <w:rsid w:val="0047073F"/>
    <w:rsid w:val="0048546D"/>
    <w:rsid w:val="00491ECF"/>
    <w:rsid w:val="004A1515"/>
    <w:rsid w:val="004A4452"/>
    <w:rsid w:val="004A4650"/>
    <w:rsid w:val="004A7ECC"/>
    <w:rsid w:val="004B0536"/>
    <w:rsid w:val="004E4F98"/>
    <w:rsid w:val="004F0DDE"/>
    <w:rsid w:val="00503742"/>
    <w:rsid w:val="005118AD"/>
    <w:rsid w:val="00512E7B"/>
    <w:rsid w:val="00514DD2"/>
    <w:rsid w:val="00515242"/>
    <w:rsid w:val="005251F2"/>
    <w:rsid w:val="00525250"/>
    <w:rsid w:val="00525CC3"/>
    <w:rsid w:val="00531B86"/>
    <w:rsid w:val="005369A6"/>
    <w:rsid w:val="005377C1"/>
    <w:rsid w:val="00544CA4"/>
    <w:rsid w:val="005729E6"/>
    <w:rsid w:val="00573305"/>
    <w:rsid w:val="00576AB8"/>
    <w:rsid w:val="0058488A"/>
    <w:rsid w:val="00584939"/>
    <w:rsid w:val="00595B6A"/>
    <w:rsid w:val="005A24DF"/>
    <w:rsid w:val="005A649A"/>
    <w:rsid w:val="005B062E"/>
    <w:rsid w:val="005C77EA"/>
    <w:rsid w:val="005C78A2"/>
    <w:rsid w:val="005D20BA"/>
    <w:rsid w:val="005D7A44"/>
    <w:rsid w:val="00601E24"/>
    <w:rsid w:val="006109DF"/>
    <w:rsid w:val="00610A8F"/>
    <w:rsid w:val="00615A61"/>
    <w:rsid w:val="006210D7"/>
    <w:rsid w:val="0062459C"/>
    <w:rsid w:val="006378CB"/>
    <w:rsid w:val="00640E36"/>
    <w:rsid w:val="00647198"/>
    <w:rsid w:val="0064791F"/>
    <w:rsid w:val="00654EB6"/>
    <w:rsid w:val="00656D23"/>
    <w:rsid w:val="00685238"/>
    <w:rsid w:val="006A087B"/>
    <w:rsid w:val="006A28E0"/>
    <w:rsid w:val="006A5AAD"/>
    <w:rsid w:val="006A6FEC"/>
    <w:rsid w:val="006B060D"/>
    <w:rsid w:val="006B38C0"/>
    <w:rsid w:val="006C458A"/>
    <w:rsid w:val="006C5957"/>
    <w:rsid w:val="006D51BD"/>
    <w:rsid w:val="007019BD"/>
    <w:rsid w:val="00703330"/>
    <w:rsid w:val="00712888"/>
    <w:rsid w:val="00712F0C"/>
    <w:rsid w:val="007147F2"/>
    <w:rsid w:val="00720F43"/>
    <w:rsid w:val="00726CFE"/>
    <w:rsid w:val="00735B42"/>
    <w:rsid w:val="00745A24"/>
    <w:rsid w:val="0076617A"/>
    <w:rsid w:val="00785256"/>
    <w:rsid w:val="00791317"/>
    <w:rsid w:val="007A2A1A"/>
    <w:rsid w:val="007A2C5A"/>
    <w:rsid w:val="007B0892"/>
    <w:rsid w:val="007C08B6"/>
    <w:rsid w:val="007C1566"/>
    <w:rsid w:val="007F3876"/>
    <w:rsid w:val="00823A0D"/>
    <w:rsid w:val="00841C7D"/>
    <w:rsid w:val="0084414A"/>
    <w:rsid w:val="00844A91"/>
    <w:rsid w:val="0088136C"/>
    <w:rsid w:val="00885392"/>
    <w:rsid w:val="00886D27"/>
    <w:rsid w:val="0089071B"/>
    <w:rsid w:val="008A12B1"/>
    <w:rsid w:val="008B25C0"/>
    <w:rsid w:val="008B4C27"/>
    <w:rsid w:val="008D0EAE"/>
    <w:rsid w:val="008D4122"/>
    <w:rsid w:val="008D5154"/>
    <w:rsid w:val="008E7F62"/>
    <w:rsid w:val="008F0D64"/>
    <w:rsid w:val="008F4A00"/>
    <w:rsid w:val="008F5265"/>
    <w:rsid w:val="009001CC"/>
    <w:rsid w:val="00902322"/>
    <w:rsid w:val="00911373"/>
    <w:rsid w:val="0091652F"/>
    <w:rsid w:val="009213AC"/>
    <w:rsid w:val="00930CE9"/>
    <w:rsid w:val="00935AA7"/>
    <w:rsid w:val="0093715E"/>
    <w:rsid w:val="0095345F"/>
    <w:rsid w:val="009573A3"/>
    <w:rsid w:val="00972AEF"/>
    <w:rsid w:val="00972D2B"/>
    <w:rsid w:val="00984856"/>
    <w:rsid w:val="0099076F"/>
    <w:rsid w:val="00993794"/>
    <w:rsid w:val="00994D6E"/>
    <w:rsid w:val="00996261"/>
    <w:rsid w:val="009969A8"/>
    <w:rsid w:val="009A411B"/>
    <w:rsid w:val="009B140C"/>
    <w:rsid w:val="009B20E7"/>
    <w:rsid w:val="009B390A"/>
    <w:rsid w:val="009B72C1"/>
    <w:rsid w:val="009C1606"/>
    <w:rsid w:val="009C3C71"/>
    <w:rsid w:val="009D02BB"/>
    <w:rsid w:val="009D5E0A"/>
    <w:rsid w:val="009F7604"/>
    <w:rsid w:val="00A10AC0"/>
    <w:rsid w:val="00A1174E"/>
    <w:rsid w:val="00A1560A"/>
    <w:rsid w:val="00A20FE6"/>
    <w:rsid w:val="00A223F4"/>
    <w:rsid w:val="00A22B24"/>
    <w:rsid w:val="00A26F6C"/>
    <w:rsid w:val="00A304E5"/>
    <w:rsid w:val="00A350A0"/>
    <w:rsid w:val="00A41D04"/>
    <w:rsid w:val="00A45DF5"/>
    <w:rsid w:val="00A8079E"/>
    <w:rsid w:val="00A9709E"/>
    <w:rsid w:val="00AA3ED2"/>
    <w:rsid w:val="00AC5CC5"/>
    <w:rsid w:val="00AC715B"/>
    <w:rsid w:val="00AD40AD"/>
    <w:rsid w:val="00AF4ED6"/>
    <w:rsid w:val="00B00221"/>
    <w:rsid w:val="00B115ED"/>
    <w:rsid w:val="00B15C3D"/>
    <w:rsid w:val="00B24E43"/>
    <w:rsid w:val="00B27C33"/>
    <w:rsid w:val="00B3047F"/>
    <w:rsid w:val="00B409EF"/>
    <w:rsid w:val="00B521DC"/>
    <w:rsid w:val="00B53EA7"/>
    <w:rsid w:val="00B64016"/>
    <w:rsid w:val="00B66BD2"/>
    <w:rsid w:val="00B737C5"/>
    <w:rsid w:val="00B773E7"/>
    <w:rsid w:val="00B81086"/>
    <w:rsid w:val="00B96132"/>
    <w:rsid w:val="00BA32B0"/>
    <w:rsid w:val="00BB27D5"/>
    <w:rsid w:val="00BC0D10"/>
    <w:rsid w:val="00BC3D92"/>
    <w:rsid w:val="00BD149C"/>
    <w:rsid w:val="00BD2E00"/>
    <w:rsid w:val="00BD3926"/>
    <w:rsid w:val="00BD4B74"/>
    <w:rsid w:val="00BD65B0"/>
    <w:rsid w:val="00BE100A"/>
    <w:rsid w:val="00BF0592"/>
    <w:rsid w:val="00BF1D46"/>
    <w:rsid w:val="00BF35BD"/>
    <w:rsid w:val="00C04B93"/>
    <w:rsid w:val="00C0777B"/>
    <w:rsid w:val="00C13EF0"/>
    <w:rsid w:val="00C25402"/>
    <w:rsid w:val="00C330D0"/>
    <w:rsid w:val="00C34346"/>
    <w:rsid w:val="00C34D3B"/>
    <w:rsid w:val="00C409F6"/>
    <w:rsid w:val="00C42352"/>
    <w:rsid w:val="00C447FB"/>
    <w:rsid w:val="00C4542E"/>
    <w:rsid w:val="00C457A9"/>
    <w:rsid w:val="00C66599"/>
    <w:rsid w:val="00C74D57"/>
    <w:rsid w:val="00C9678E"/>
    <w:rsid w:val="00CA190C"/>
    <w:rsid w:val="00CA6DEA"/>
    <w:rsid w:val="00CB180D"/>
    <w:rsid w:val="00CB47D0"/>
    <w:rsid w:val="00CC06E2"/>
    <w:rsid w:val="00CD45DB"/>
    <w:rsid w:val="00CE6A7C"/>
    <w:rsid w:val="00CF5A96"/>
    <w:rsid w:val="00D10BA9"/>
    <w:rsid w:val="00D14D44"/>
    <w:rsid w:val="00D15A0C"/>
    <w:rsid w:val="00D23D1D"/>
    <w:rsid w:val="00D24EAE"/>
    <w:rsid w:val="00D337B2"/>
    <w:rsid w:val="00D37618"/>
    <w:rsid w:val="00D41AFB"/>
    <w:rsid w:val="00D44472"/>
    <w:rsid w:val="00D47CB7"/>
    <w:rsid w:val="00D56DBA"/>
    <w:rsid w:val="00D56FE2"/>
    <w:rsid w:val="00D6018F"/>
    <w:rsid w:val="00D65E21"/>
    <w:rsid w:val="00D73E75"/>
    <w:rsid w:val="00D74952"/>
    <w:rsid w:val="00D80EB2"/>
    <w:rsid w:val="00D82894"/>
    <w:rsid w:val="00D83DD2"/>
    <w:rsid w:val="00D916E1"/>
    <w:rsid w:val="00D921A4"/>
    <w:rsid w:val="00DC2CEF"/>
    <w:rsid w:val="00DC61A6"/>
    <w:rsid w:val="00DC7952"/>
    <w:rsid w:val="00DE18BB"/>
    <w:rsid w:val="00E12E56"/>
    <w:rsid w:val="00E24C3E"/>
    <w:rsid w:val="00E250A4"/>
    <w:rsid w:val="00E3073B"/>
    <w:rsid w:val="00E43182"/>
    <w:rsid w:val="00E452C5"/>
    <w:rsid w:val="00E71EE0"/>
    <w:rsid w:val="00E72098"/>
    <w:rsid w:val="00E74559"/>
    <w:rsid w:val="00E80DDC"/>
    <w:rsid w:val="00E84F2C"/>
    <w:rsid w:val="00E878EE"/>
    <w:rsid w:val="00E97643"/>
    <w:rsid w:val="00EB4A40"/>
    <w:rsid w:val="00EC743E"/>
    <w:rsid w:val="00ED3A7F"/>
    <w:rsid w:val="00EE1334"/>
    <w:rsid w:val="00EE3F73"/>
    <w:rsid w:val="00EE6756"/>
    <w:rsid w:val="00EF07F0"/>
    <w:rsid w:val="00F04478"/>
    <w:rsid w:val="00F224C9"/>
    <w:rsid w:val="00F27A9F"/>
    <w:rsid w:val="00F34CDA"/>
    <w:rsid w:val="00F40220"/>
    <w:rsid w:val="00F5006C"/>
    <w:rsid w:val="00F5346C"/>
    <w:rsid w:val="00F55907"/>
    <w:rsid w:val="00F55AD1"/>
    <w:rsid w:val="00F55E8C"/>
    <w:rsid w:val="00F5733F"/>
    <w:rsid w:val="00F63E23"/>
    <w:rsid w:val="00F7161D"/>
    <w:rsid w:val="00F803C1"/>
    <w:rsid w:val="00F937F5"/>
    <w:rsid w:val="00FA1BA2"/>
    <w:rsid w:val="00FA7A5E"/>
    <w:rsid w:val="00FB1D12"/>
    <w:rsid w:val="00FB5A4B"/>
    <w:rsid w:val="00FC374C"/>
    <w:rsid w:val="00FC436C"/>
    <w:rsid w:val="00FC724D"/>
    <w:rsid w:val="00FD3CD0"/>
    <w:rsid w:val="00FD4687"/>
    <w:rsid w:val="00FE386C"/>
    <w:rsid w:val="00FF197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ko-KR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15242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E6052"/>
    <w:rPr>
      <w:color w:val="808080"/>
    </w:rPr>
  </w:style>
  <w:style w:type="table" w:styleId="TableGrid">
    <w:name w:val="Table Grid"/>
    <w:basedOn w:val="TableNormal"/>
    <w:uiPriority w:val="59"/>
    <w:rsid w:val="009213AC"/>
    <w:pPr>
      <w:spacing w:after="0" w:line="240" w:lineRule="auto"/>
    </w:pPr>
    <w:rPr>
      <w:rFonts w:ascii="Times New Roman" w:eastAsiaTheme="minorHAnsi" w:hAnsi="Times New Roman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4D7006666E9C4FA0B7D3FE999FE11D6A">
    <w:name w:val="4D7006666E9C4FA0B7D3FE999FE11D6A"/>
    <w:rsid w:val="00CA6DEA"/>
    <w:pPr>
      <w:spacing w:after="160" w:line="259" w:lineRule="auto"/>
    </w:pPr>
    <w:rPr>
      <w:lang w:val="x-none" w:eastAsia="x-none"/>
    </w:rPr>
  </w:style>
  <w:style w:type="paragraph" w:customStyle="1" w:styleId="7ED8357C03E2402D8091C97F60DC1BBA">
    <w:name w:val="7ED8357C03E2402D8091C97F60DC1BBA"/>
    <w:rsid w:val="00D65E21"/>
    <w:pPr>
      <w:spacing w:after="160" w:line="259" w:lineRule="auto"/>
    </w:pPr>
  </w:style>
  <w:style w:type="paragraph" w:customStyle="1" w:styleId="006B29FD99D842839FBF888BF86C85259">
    <w:name w:val="006B29FD99D842839FBF888BF86C85259"/>
    <w:rsid w:val="003E6052"/>
    <w:pPr>
      <w:spacing w:after="0" w:line="260" w:lineRule="atLeast"/>
    </w:pPr>
    <w:rPr>
      <w:rFonts w:ascii="Times New Roman" w:eastAsiaTheme="minorHAnsi" w:hAnsi="Times New Roman" w:cs="Times New Roman"/>
      <w:b/>
      <w:lang w:eastAsia="en-US"/>
    </w:rPr>
  </w:style>
  <w:style w:type="paragraph" w:customStyle="1" w:styleId="1464955D885446FAA9515B203A0F1BE531">
    <w:name w:val="1464955D885446FAA9515B203A0F1BE531"/>
    <w:rsid w:val="003E6052"/>
    <w:pPr>
      <w:spacing w:before="240" w:after="0" w:line="260" w:lineRule="atLeast"/>
      <w:jc w:val="both"/>
    </w:pPr>
    <w:rPr>
      <w:rFonts w:ascii="Times New Roman" w:eastAsiaTheme="minorHAnsi" w:hAnsi="Times New Roman" w:cs="Times New Roman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Allen &amp; Overy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</TotalTime>
  <Pages>1</Pages>
  <Words>161</Words>
  <Characters>919</Characters>
  <Application>Microsoft Office Word</Application>
  <DocSecurity>0</DocSecurity>
  <Lines>7</Lines>
  <Paragraphs>2</Paragraphs>
  <ScaleCrop>false</ScaleCrop>
  <Company/>
  <LinksUpToDate>false</LinksUpToDate>
  <CharactersWithSpaces>10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ModifiedBy>Yang Chen</cp:lastModifiedBy>
  <cp:revision>4</cp:revision>
  <dcterms:created xsi:type="dcterms:W3CDTF">2021-12-23T15:17:00Z</dcterms:created>
  <dcterms:modified xsi:type="dcterms:W3CDTF">2021-12-23T15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iManageDocumentType">
    <vt:lpwstr>LETTER</vt:lpwstr>
  </property>
  <property fmtid="{D5CDD505-2E9C-101B-9397-08002B2CF9AE}" pid="3" name="Client_src">
    <vt:lpwstr>{IMan.imProfileCustom1}</vt:lpwstr>
  </property>
  <property fmtid="{D5CDD505-2E9C-101B-9397-08002B2CF9AE}" pid="4" name="Matter_src">
    <vt:lpwstr>{IMan.imProfileCustom2}</vt:lpwstr>
  </property>
  <property fmtid="{D5CDD505-2E9C-101B-9397-08002B2CF9AE}" pid="5" name="cpClientMatter_src">
    <vt:lpwstr>{IMan.imProfileCustom1}-{IMan.imProfileCustom2}</vt:lpwstr>
  </property>
  <property fmtid="{D5CDD505-2E9C-101B-9397-08002B2CF9AE}" pid="6" name="cpDocRef_src">
    <vt:lpwstr>{IMan.Database.Name}: {IMan.Number}.{IMan.Version}</vt:lpwstr>
  </property>
  <property fmtid="{D5CDD505-2E9C-101B-9397-08002B2CF9AE}" pid="7" name="cpCombinedRef_src">
    <vt:lpwstr>{IMan.imProfileCustom1}-{IMan.imProfileCustom2} {IMan.Database.Name}: {IMan.Number}.{IMan.Version}</vt:lpwstr>
  </property>
  <property fmtid="{D5CDD505-2E9C-101B-9397-08002B2CF9AE}" pid="8" name="ContentTypeId">
    <vt:lpwstr>0x0101008E1931B9D01341BF82A1BE848E2F0648000D63B21F009B944AA79D7724E168C8DD</vt:lpwstr>
  </property>
  <property fmtid="{D5CDD505-2E9C-101B-9397-08002B2CF9AE}" pid="9" name="DisplayName">
    <vt:lpwstr>LETTER</vt:lpwstr>
  </property>
  <property fmtid="{D5CDD505-2E9C-101B-9397-08002B2CF9AE}" pid="10" name="DMProfile">
    <vt:lpwstr>Letter</vt:lpwstr>
  </property>
  <property fmtid="{D5CDD505-2E9C-101B-9397-08002B2CF9AE}" pid="11" name="FilePedigree">
    <vt:lpwstr>OSAX</vt:lpwstr>
  </property>
  <property fmtid="{D5CDD505-2E9C-101B-9397-08002B2CF9AE}" pid="12" name="TemplateFileName">
    <vt:lpwstr>AOLetter.dotm</vt:lpwstr>
  </property>
  <property fmtid="{D5CDD505-2E9C-101B-9397-08002B2CF9AE}" pid="13" name="cpFooterText">
    <vt:lpwstr/>
  </property>
  <property fmtid="{D5CDD505-2E9C-101B-9397-08002B2CF9AE}" pid="14" name="cpHeaderText">
    <vt:lpwstr/>
  </property>
  <property fmtid="{D5CDD505-2E9C-101B-9397-08002B2CF9AE}" pid="15" name="TemplafyTimeStamp">
    <vt:lpwstr>2019-10-24T16:20:06.3713013Z</vt:lpwstr>
  </property>
  <property fmtid="{D5CDD505-2E9C-101B-9397-08002B2CF9AE}" pid="16" name="MSIP_Label_42e67a54-274b-43d7-8098-b3ba5f50e576_Enabled">
    <vt:lpwstr>True</vt:lpwstr>
  </property>
  <property fmtid="{D5CDD505-2E9C-101B-9397-08002B2CF9AE}" pid="17" name="MSIP_Label_42e67a54-274b-43d7-8098-b3ba5f50e576_SiteId">
    <vt:lpwstr>7f0b44d2-04f8-4672-bf5d-4676796468a3</vt:lpwstr>
  </property>
  <property fmtid="{D5CDD505-2E9C-101B-9397-08002B2CF9AE}" pid="18" name="MSIP_Label_42e67a54-274b-43d7-8098-b3ba5f50e576_Owner">
    <vt:lpwstr>Emmett.McKenna@allenovery.com</vt:lpwstr>
  </property>
  <property fmtid="{D5CDD505-2E9C-101B-9397-08002B2CF9AE}" pid="19" name="MSIP_Label_42e67a54-274b-43d7-8098-b3ba5f50e576_SetDate">
    <vt:lpwstr>2020-01-30T17:31:50.3391189Z</vt:lpwstr>
  </property>
  <property fmtid="{D5CDD505-2E9C-101B-9397-08002B2CF9AE}" pid="20" name="MSIP_Label_42e67a54-274b-43d7-8098-b3ba5f50e576_Name">
    <vt:lpwstr>Restricted</vt:lpwstr>
  </property>
  <property fmtid="{D5CDD505-2E9C-101B-9397-08002B2CF9AE}" pid="21" name="MSIP_Label_42e67a54-274b-43d7-8098-b3ba5f50e576_Application">
    <vt:lpwstr>Microsoft Azure Information Protection</vt:lpwstr>
  </property>
  <property fmtid="{D5CDD505-2E9C-101B-9397-08002B2CF9AE}" pid="22" name="MSIP_Label_42e67a54-274b-43d7-8098-b3ba5f50e576_ActionId">
    <vt:lpwstr>666feeb0-0553-4de3-a85b-914b30bf852a</vt:lpwstr>
  </property>
  <property fmtid="{D5CDD505-2E9C-101B-9397-08002B2CF9AE}" pid="23" name="MSIP_Label_42e67a54-274b-43d7-8098-b3ba5f50e576_Extended_MSFT_Method">
    <vt:lpwstr>Automatic</vt:lpwstr>
  </property>
  <property fmtid="{D5CDD505-2E9C-101B-9397-08002B2CF9AE}" pid="24" name="TemplafyTenantId">
    <vt:lpwstr>allenovery</vt:lpwstr>
  </property>
  <property fmtid="{D5CDD505-2E9C-101B-9397-08002B2CF9AE}" pid="25" name="TemplafyTemplateId">
    <vt:lpwstr>636465151783998385</vt:lpwstr>
  </property>
  <property fmtid="{D5CDD505-2E9C-101B-9397-08002B2CF9AE}" pid="26" name="AuthorDescription">
    <vt:lpwstr/>
  </property>
  <property fmtid="{D5CDD505-2E9C-101B-9397-08002B2CF9AE}" pid="27" name="AuthorName">
    <vt:lpwstr>Rebecca Ann Cecchini</vt:lpwstr>
  </property>
  <property fmtid="{D5CDD505-2E9C-101B-9397-08002B2CF9AE}" pid="28" name="AuthorInitials">
    <vt:lpwstr>RAC</vt:lpwstr>
  </property>
  <property fmtid="{D5CDD505-2E9C-101B-9397-08002B2CF9AE}" pid="29" name="AuthorJobTitle">
    <vt:lpwstr>Associate</vt:lpwstr>
  </property>
  <property fmtid="{D5CDD505-2E9C-101B-9397-08002B2CF9AE}" pid="30" name="AuthorEmail">
    <vt:lpwstr>Rebecca.Cecchini@allenovery.com</vt:lpwstr>
  </property>
  <property fmtid="{D5CDD505-2E9C-101B-9397-08002B2CF9AE}" pid="31" name="AuthorDirectLine">
    <vt:lpwstr>2126106316</vt:lpwstr>
  </property>
  <property fmtid="{D5CDD505-2E9C-101B-9397-08002B2CF9AE}" pid="32" name="AuthorMobilePhone">
    <vt:lpwstr/>
  </property>
  <property fmtid="{D5CDD505-2E9C-101B-9397-08002B2CF9AE}" pid="33" name="AuthorPersonalFax">
    <vt:lpwstr/>
  </property>
  <property fmtid="{D5CDD505-2E9C-101B-9397-08002B2CF9AE}" pid="34" name="OurRef">
    <vt:lpwstr>RAC</vt:lpwstr>
  </property>
  <property fmtid="{D5CDD505-2E9C-101B-9397-08002B2CF9AE}" pid="35" name="OfficeID">
    <vt:lpwstr>New York</vt:lpwstr>
  </property>
  <property fmtid="{D5CDD505-2E9C-101B-9397-08002B2CF9AE}" pid="36" name="AddinActions">
    <vt:lpwstr>Letter*AttachTemplate*DeleteEmptyRows</vt:lpwstr>
  </property>
  <property fmtid="{D5CDD505-2E9C-101B-9397-08002B2CF9AE}" pid="37" name="TemplateName">
    <vt:lpwstr>AOLetter.dotm</vt:lpwstr>
  </property>
  <property fmtid="{D5CDD505-2E9C-101B-9397-08002B2CF9AE}" pid="38" name="OSADocumentType">
    <vt:lpwstr>2</vt:lpwstr>
  </property>
  <property fmtid="{D5CDD505-2E9C-101B-9397-08002B2CF9AE}" pid="39" name="LanguageID">
    <vt:lpwstr>English (US)</vt:lpwstr>
  </property>
  <property fmtid="{D5CDD505-2E9C-101B-9397-08002B2CF9AE}" pid="40" name="LetterCorrespondenceType">
    <vt:lpwstr>atCorrespondenceHeaderDesign2</vt:lpwstr>
  </property>
  <property fmtid="{D5CDD505-2E9C-101B-9397-08002B2CF9AE}" pid="41" name="DisplayLogo">
    <vt:lpwstr>false</vt:lpwstr>
  </property>
  <property fmtid="{D5CDD505-2E9C-101B-9397-08002B2CF9AE}" pid="42" name="cpCombinedRef">
    <vt:lpwstr>0137588-0000001 NYO1: 2003015338.1</vt:lpwstr>
  </property>
  <property fmtid="{D5CDD505-2E9C-101B-9397-08002B2CF9AE}" pid="43" name="SD_TIM_Ran">
    <vt:lpwstr>True</vt:lpwstr>
  </property>
  <property fmtid="{D5CDD505-2E9C-101B-9397-08002B2CF9AE}" pid="44" name="Client">
    <vt:lpwstr>0137588</vt:lpwstr>
  </property>
  <property fmtid="{D5CDD505-2E9C-101B-9397-08002B2CF9AE}" pid="45" name="Matter">
    <vt:lpwstr>0000001</vt:lpwstr>
  </property>
  <property fmtid="{D5CDD505-2E9C-101B-9397-08002B2CF9AE}" pid="46" name="cpClientMatter">
    <vt:lpwstr>0137588-0000001</vt:lpwstr>
  </property>
  <property fmtid="{D5CDD505-2E9C-101B-9397-08002B2CF9AE}" pid="47" name="cpDocRef">
    <vt:lpwstr>NYO1: 2003015338.1</vt:lpwstr>
  </property>
</Properties>
</file>